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5B03C1EF" w14:textId="77777777" w:rsidR="00454B86" w:rsidRPr="00E7340C" w:rsidRDefault="00454B86" w:rsidP="00454B86">
      <w:pPr>
        <w:rPr>
          <w:b/>
          <w:bCs/>
          <w:color w:val="0070C0"/>
          <w:sz w:val="28"/>
          <w:szCs w:val="28"/>
        </w:rPr>
      </w:pPr>
      <w:r w:rsidRPr="00E7340C">
        <w:rPr>
          <w:b/>
          <w:bCs/>
          <w:color w:val="0070C0"/>
          <w:sz w:val="28"/>
          <w:szCs w:val="28"/>
        </w:rPr>
        <w:t xml:space="preserve">CSCI </w:t>
      </w:r>
      <w:r>
        <w:rPr>
          <w:b/>
          <w:bCs/>
          <w:color w:val="0070C0"/>
          <w:sz w:val="28"/>
          <w:szCs w:val="28"/>
        </w:rPr>
        <w:t>4333.1</w:t>
      </w:r>
      <w:r w:rsidRPr="00E7340C">
        <w:rPr>
          <w:b/>
          <w:bCs/>
          <w:color w:val="0070C0"/>
          <w:sz w:val="28"/>
          <w:szCs w:val="28"/>
        </w:rPr>
        <w:t xml:space="preserve"> Classroom Notes and Demonstrations</w:t>
      </w:r>
    </w:p>
    <w:p w14:paraId="406EF18B" w14:textId="77777777" w:rsidR="00F74B81" w:rsidRPr="00F74B81" w:rsidRDefault="00A0037C" w:rsidP="00F74B81">
      <w:pPr>
        <w:pStyle w:val="title0"/>
        <w:jc w:val="center"/>
        <w:rPr>
          <w:rFonts w:ascii="Arial" w:hAnsi="Arial" w:cs="Arial"/>
          <w:b/>
          <w:bCs/>
          <w:color w:val="000900"/>
          <w:sz w:val="28"/>
          <w:szCs w:val="28"/>
        </w:rPr>
      </w:pPr>
      <w:r>
        <w:t>10/</w:t>
      </w:r>
      <w:r w:rsidR="00BB4A3B">
        <w:t>2</w:t>
      </w:r>
      <w:r w:rsidR="00A91374">
        <w:t>9</w:t>
      </w:r>
      <w:r w:rsidR="00775EC0">
        <w:t>/</w:t>
      </w:r>
      <w:r w:rsidR="00454B86">
        <w:t>202</w:t>
      </w:r>
      <w:r w:rsidR="00BB4A3B">
        <w:t>5</w:t>
      </w:r>
      <w:r w:rsidR="005A4B2E">
        <w:rPr>
          <w:rFonts w:ascii="Courier New" w:hAnsi="Courier New" w:cs="Courier New"/>
          <w:color w:val="0000FF"/>
          <w:sz w:val="20"/>
          <w:szCs w:val="20"/>
        </w:rPr>
        <w:br w:type="page"/>
      </w:r>
      <w:r w:rsidR="00F74B81" w:rsidRPr="00F74B81">
        <w:rPr>
          <w:rFonts w:ascii="Arial" w:hAnsi="Arial" w:cs="Arial"/>
          <w:b/>
          <w:bCs/>
          <w:color w:val="000900"/>
          <w:sz w:val="28"/>
          <w:szCs w:val="28"/>
        </w:rPr>
        <w:t>Web Database Development using MySQL/Python/CGI</w:t>
      </w:r>
    </w:p>
    <w:p w14:paraId="7B3535A3" w14:textId="77777777" w:rsidR="00F74B81" w:rsidRPr="00F74B81" w:rsidRDefault="00F74B81" w:rsidP="00F74B81">
      <w:pPr>
        <w:spacing w:before="100" w:beforeAutospacing="1" w:after="100" w:afterAutospacing="1" w:line="240" w:lineRule="auto"/>
        <w:jc w:val="center"/>
        <w:rPr>
          <w:rFonts w:ascii="Verdana" w:eastAsia="Times New Roman" w:hAnsi="Verdana" w:cs="Times New Roman"/>
          <w:color w:val="000099"/>
          <w:kern w:val="0"/>
          <w:sz w:val="20"/>
          <w:szCs w:val="20"/>
          <w14:ligatures w14:val="none"/>
        </w:rPr>
      </w:pPr>
      <w:r w:rsidRPr="00F74B81">
        <w:rPr>
          <w:rFonts w:ascii="Verdana" w:eastAsia="Times New Roman" w:hAnsi="Verdana" w:cs="Times New Roman"/>
          <w:color w:val="000099"/>
          <w:kern w:val="0"/>
          <w:sz w:val="20"/>
          <w:szCs w:val="20"/>
          <w14:ligatures w14:val="none"/>
        </w:rPr>
        <w:t>by K. Yue</w:t>
      </w:r>
    </w:p>
    <w:p w14:paraId="4357ADBE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14:ligatures w14:val="none"/>
        </w:rPr>
      </w:pPr>
      <w:r w:rsidRPr="00F74B81"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14:ligatures w14:val="none"/>
        </w:rPr>
        <w:t>1. Configuring Python in Web Development</w:t>
      </w:r>
    </w:p>
    <w:p w14:paraId="15B131DC" w14:textId="77777777" w:rsidR="00F74B81" w:rsidRPr="00F74B81" w:rsidRDefault="00F74B81" w:rsidP="00F74B81">
      <w:pPr>
        <w:numPr>
          <w:ilvl w:val="0"/>
          <w:numId w:val="48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Python's installation: </w:t>
      </w:r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Please install Python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:highlight w:val="yellow"/>
          <w14:ligatures w14:val="none"/>
        </w:rPr>
        <w:t>v3.10</w:t>
      </w:r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 or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below for development in this course. Do not install the later versions as it causes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problem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with </w:t>
      </w:r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CGI.</w:t>
      </w:r>
    </w:p>
    <w:p w14:paraId="49D2849C" w14:textId="77777777" w:rsidR="00F74B81" w:rsidRDefault="00F74B81" w:rsidP="00F74B81">
      <w:pPr>
        <w:numPr>
          <w:ilvl w:val="0"/>
          <w:numId w:val="48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HOWTO Use Python in the web: </w:t>
      </w:r>
      <w:hyperlink r:id="rId5" w:history="1">
        <w:r w:rsidRPr="00F74B81">
          <w:rPr>
            <w:rFonts w:ascii="Verdana" w:eastAsia="Times New Roman" w:hAnsi="Verdana" w:cs="Times New Roman"/>
            <w:color w:val="0000FF"/>
            <w:kern w:val="0"/>
            <w:u w:val="single"/>
            <w14:ligatures w14:val="none"/>
          </w:rPr>
          <w:t>https://docs.python.org/3.3/howto/webservers.html</w:t>
        </w:r>
      </w:hyperlink>
    </w:p>
    <w:p w14:paraId="6FD0D336" w14:textId="1583C52F" w:rsidR="00A8004F" w:rsidRPr="00F74B81" w:rsidRDefault="00A8004F" w:rsidP="00A8004F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A8004F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Install python in the C: (follow custom installation)</w:t>
      </w:r>
    </w:p>
    <w:p w14:paraId="2C363DA6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color w:val="000930"/>
          <w:kern w:val="0"/>
          <w:sz w:val="24"/>
          <w:szCs w:val="24"/>
          <w14:ligatures w14:val="none"/>
        </w:rPr>
      </w:pPr>
      <w:r w:rsidRPr="00F74B81">
        <w:rPr>
          <w:rFonts w:ascii="Arial" w:eastAsia="Times New Roman" w:hAnsi="Arial" w:cs="Arial"/>
          <w:b/>
          <w:bCs/>
          <w:color w:val="000930"/>
          <w:kern w:val="0"/>
          <w:sz w:val="24"/>
          <w:szCs w:val="24"/>
          <w14:ligatures w14:val="none"/>
        </w:rPr>
        <w:t>1.1 Set up Python on Apache in XAMPP with barebone CGI</w:t>
      </w:r>
    </w:p>
    <w:p w14:paraId="37E7CF24" w14:textId="5F279A0D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In the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httpd.conf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(Apache startup configuration file), which is likely in </w:t>
      </w:r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c:\xampp\apache</w:t>
      </w:r>
      <w:r w:rsidR="00A8004F" w:rsidRPr="00A8004F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\conf</w:t>
      </w:r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:</w:t>
      </w:r>
    </w:p>
    <w:p w14:paraId="530256A4" w14:textId="77777777" w:rsidR="00F74B81" w:rsidRPr="00F74B81" w:rsidRDefault="00F74B81" w:rsidP="00F74B81">
      <w:pPr>
        <w:numPr>
          <w:ilvl w:val="0"/>
          <w:numId w:val="49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Enable CGI by adding the line "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LoadModule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 xml:space="preserve">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cgi_module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 xml:space="preserve"> modules/mod_cgi.so"</w:t>
      </w:r>
    </w:p>
    <w:p w14:paraId="1BC2C51F" w14:textId="77777777" w:rsidR="00F74B81" w:rsidRPr="00F74B81" w:rsidRDefault="00F74B81" w:rsidP="00F74B81">
      <w:pPr>
        <w:numPr>
          <w:ilvl w:val="0"/>
          <w:numId w:val="49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Find the line "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AddHandler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 xml:space="preserve">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cgi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-script" and add ".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py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" at the end. E.g. "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AddHandler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 xml:space="preserve">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cgi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-script .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cgi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 xml:space="preserve"> .pl .asp .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py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"</w:t>
      </w:r>
    </w:p>
    <w:p w14:paraId="1A10ED30" w14:textId="77777777" w:rsidR="00F74B81" w:rsidRPr="00F74B81" w:rsidRDefault="00F74B81" w:rsidP="00F74B81">
      <w:pPr>
        <w:numPr>
          <w:ilvl w:val="0"/>
          <w:numId w:val="49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Add the line "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ScriptInterpreterSource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 xml:space="preserve"> Registry-Strict" at the end: this is telling Apache to use Windows registry to identify the interpreter.</w:t>
      </w:r>
    </w:p>
    <w:p w14:paraId="16680363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is will set Apache to call Python interpreter to handle Web requests with the extension .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py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.</w:t>
      </w:r>
    </w:p>
    <w:p w14:paraId="2F56A23D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A major advantage of CGI in a simple course like ours is its simplicity. Well known Python Web platforms such as Django and Flask have many more features and complexity.</w:t>
      </w:r>
    </w:p>
    <w:p w14:paraId="299ADD9F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However, </w:t>
      </w:r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CGI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in Python:</w:t>
      </w:r>
    </w:p>
    <w:p w14:paraId="3534DFF9" w14:textId="77777777" w:rsidR="00F74B81" w:rsidRPr="00F74B81" w:rsidRDefault="00F74B81" w:rsidP="00F74B81">
      <w:pPr>
        <w:numPr>
          <w:ilvl w:val="0"/>
          <w:numId w:val="50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It is slow.</w:t>
      </w:r>
    </w:p>
    <w:p w14:paraId="48812AAC" w14:textId="77777777" w:rsidR="00F74B81" w:rsidRPr="00F74B81" w:rsidRDefault="00F74B81" w:rsidP="00F74B81">
      <w:pPr>
        <w:numPr>
          <w:ilvl w:val="0"/>
          <w:numId w:val="50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Furthermore, it is deprecated in Python version 3.11. We will select new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mechanism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in future semesters.</w:t>
      </w:r>
    </w:p>
    <w:p w14:paraId="1E4EF2CF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One common problem of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Xampp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\Apache\Python is that accessing your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py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page returns a 500+ web server error. One possibility is that Apache does not identify the right Python interpreter to interpret your Python page. In [3]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ScriptInterpreterSource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Registry, you inform Apache to use windows registry to identify the right Python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interpreter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and it may not be set correctly.</w:t>
      </w:r>
    </w:p>
    <w:p w14:paraId="55C5BF5F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One solution is to add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:highlight w:val="yellow"/>
          <w14:ligatures w14:val="none"/>
        </w:rPr>
        <w:t>she</w:t>
      </w:r>
      <w:proofErr w:type="gramEnd"/>
      <w:r w:rsidRPr="00F74B81">
        <w:rPr>
          <w:rFonts w:ascii="Verdana" w:eastAsia="Times New Roman" w:hAnsi="Verdana" w:cs="Times New Roman"/>
          <w:i/>
          <w:iCs/>
          <w:color w:val="FF3333"/>
          <w:kern w:val="0"/>
          <w:highlight w:val="yellow"/>
          <w14:ligatures w14:val="none"/>
        </w:rPr>
        <w:t>-bang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 command as the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 very first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 line of your Python page, which specifies the location of the Python interpreter. There should be no character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before "#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!". E.g.: in the first line of your Python Web program.</w:t>
      </w:r>
    </w:p>
    <w:p w14:paraId="1E4B86FD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#!C:\python311\Python.exe</w:t>
      </w:r>
      <w:proofErr w:type="gramEnd"/>
    </w:p>
    <w:p w14:paraId="52866BD4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Test it with a Web page such as test.py (from HOWTO Use Python in the web). In test.py below, there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are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also code added to disable the program to send warnings to the Web server.</w:t>
      </w:r>
    </w:p>
    <w:p w14:paraId="09E38EA4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hyperlink r:id="rId6" w:history="1">
        <w:r w:rsidRPr="00F74B81">
          <w:rPr>
            <w:rFonts w:ascii="Verdana" w:eastAsia="Times New Roman" w:hAnsi="Verdana" w:cs="Times New Roman"/>
            <w:color w:val="0000FF"/>
            <w:kern w:val="0"/>
            <w:u w:val="single"/>
            <w14:ligatures w14:val="none"/>
          </w:rPr>
          <w:t>test.py</w:t>
        </w:r>
      </w:hyperlink>
    </w:p>
    <w:p w14:paraId="79E3EF42" w14:textId="5417ACE9" w:rsidR="00F74B81" w:rsidRPr="00F74B81" w:rsidRDefault="00F74B81" w:rsidP="00F74B81">
      <w:pPr>
        <w:spacing w:before="100" w:beforeAutospacing="1" w:after="100" w:afterAutospacing="1" w:line="240" w:lineRule="auto"/>
        <w:rPr>
          <w:rFonts w:ascii="Courier New" w:eastAsia="Times New Roman" w:hAnsi="Courier New" w:cs="Courier New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:highlight w:val="yellow"/>
          <w14:ligatures w14:val="none"/>
        </w:rPr>
        <w:t>#!"c:\python31</w:t>
      </w:r>
      <w:r w:rsidR="0072502B" w:rsidRPr="0072502B">
        <w:rPr>
          <w:rFonts w:ascii="Courier New" w:eastAsia="Times New Roman" w:hAnsi="Courier New" w:cs="Courier New"/>
          <w:color w:val="000000"/>
          <w:kern w:val="0"/>
          <w:highlight w:val="yellow"/>
          <w14:ligatures w14:val="none"/>
        </w:rPr>
        <w:t>0</w:t>
      </w:r>
      <w:r w:rsidRPr="00F74B81">
        <w:rPr>
          <w:rFonts w:ascii="Courier New" w:eastAsia="Times New Roman" w:hAnsi="Courier New" w:cs="Courier New"/>
          <w:color w:val="000000"/>
          <w:kern w:val="0"/>
          <w:highlight w:val="yellow"/>
          <w14:ligatures w14:val="none"/>
        </w:rPr>
        <w:t>\python.exe"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import warnings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warnings.filterwarnings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'ignore'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# enable debugging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impor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.enable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print(</w:t>
      </w:r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"Content-Type: text/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ml;charset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utf-8"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print("&lt;html&gt;&lt;body&gt;Hello </w:t>
      </w:r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World!&lt;</w:t>
      </w:r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/body&gt;&lt;/html&gt;") </w:t>
      </w:r>
    </w:p>
    <w:p w14:paraId="385EB455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You may need to set the shebang line to point to your Python interpreter. Your version may be more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recent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and your path may be different.</w:t>
      </w:r>
    </w:p>
    <w:p w14:paraId="2438F660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14:ligatures w14:val="none"/>
        </w:rPr>
      </w:pPr>
      <w:r w:rsidRPr="00F74B81"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14:ligatures w14:val="none"/>
        </w:rPr>
        <w:t>1.2 Python-CGI</w:t>
      </w:r>
    </w:p>
    <w:p w14:paraId="38507E04" w14:textId="77777777" w:rsidR="00F74B81" w:rsidRPr="00F74B81" w:rsidRDefault="00F74B81" w:rsidP="00F74B81">
      <w:pPr>
        <w:numPr>
          <w:ilvl w:val="0"/>
          <w:numId w:val="5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Common Gateway Interface (CGI) is a specification standard on how a Web server executes an application program.</w:t>
      </w:r>
    </w:p>
    <w:p w14:paraId="02FF41B0" w14:textId="77777777" w:rsidR="00F74B81" w:rsidRPr="00F74B81" w:rsidRDefault="00F74B81" w:rsidP="00F74B81">
      <w:pPr>
        <w:numPr>
          <w:ilvl w:val="0"/>
          <w:numId w:val="5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re are many ways to develop Python's Web applications.</w:t>
      </w:r>
    </w:p>
    <w:p w14:paraId="1587B570" w14:textId="77777777" w:rsidR="00F74B81" w:rsidRPr="00F74B81" w:rsidRDefault="00F74B81" w:rsidP="00F74B81">
      <w:pPr>
        <w:numPr>
          <w:ilvl w:val="0"/>
          <w:numId w:val="5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In this course, we focus on the most fundamental (and primitive) one, Python CGI: </w:t>
      </w:r>
      <w:hyperlink r:id="rId7" w:anchor="using-the-cgi-module" w:history="1">
        <w:r w:rsidRPr="00F74B81">
          <w:rPr>
            <w:rFonts w:ascii="Verdana" w:eastAsia="Times New Roman" w:hAnsi="Verdana" w:cs="Times New Roman"/>
            <w:color w:val="0000FF"/>
            <w:kern w:val="0"/>
            <w:u w:val="single"/>
            <w14:ligatures w14:val="none"/>
          </w:rPr>
          <w:t>https://docs.python.org/3.5/library/cgi.html#using-the-cgi-module</w:t>
        </w:r>
      </w:hyperlink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.</w:t>
      </w:r>
    </w:p>
    <w:p w14:paraId="12483B85" w14:textId="77777777" w:rsidR="00F74B81" w:rsidRPr="00F74B81" w:rsidRDefault="00F74B81" w:rsidP="00F74B81">
      <w:pPr>
        <w:numPr>
          <w:ilvl w:val="0"/>
          <w:numId w:val="5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Realistic Web application development should use a more sophisticated platform such as Django or Flask.</w:t>
      </w:r>
    </w:p>
    <w:p w14:paraId="78201FC6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In the example above,</w:t>
      </w:r>
    </w:p>
    <w:p w14:paraId="036FF38F" w14:textId="77777777" w:rsidR="00F74B81" w:rsidRPr="00F74B81" w:rsidRDefault="00F74B81" w:rsidP="00F74B81">
      <w:pPr>
        <w:numPr>
          <w:ilvl w:val="0"/>
          <w:numId w:val="52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print(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"Content-Type: text/</w:t>
      </w:r>
      <w:proofErr w:type="spellStart"/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html;charset</w:t>
      </w:r>
      <w:proofErr w:type="spellEnd"/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=utf-8") will output to the standard output, such as the command line prompt.</w:t>
      </w:r>
    </w:p>
    <w:p w14:paraId="78DF558A" w14:textId="77777777" w:rsidR="00F74B81" w:rsidRPr="00F74B81" w:rsidRDefault="00F74B81" w:rsidP="00F74B81">
      <w:pPr>
        <w:numPr>
          <w:ilvl w:val="0"/>
          <w:numId w:val="52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Under CGI, when the Web server invokes a Python program, output to the standard output will send the output to the Web Server.</w:t>
      </w:r>
    </w:p>
    <w:p w14:paraId="2AE18FDC" w14:textId="77777777" w:rsidR="00F74B81" w:rsidRPr="00F74B81" w:rsidRDefault="00F74B81" w:rsidP="00F74B81">
      <w:pPr>
        <w:numPr>
          <w:ilvl w:val="0"/>
          <w:numId w:val="52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Note that there are many newer standards and methods for a web server to execute a program.</w:t>
      </w:r>
    </w:p>
    <w:p w14:paraId="2A58C729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14:ligatures w14:val="none"/>
        </w:rPr>
      </w:pPr>
      <w:r w:rsidRPr="00F74B81"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:highlight w:val="yellow"/>
          <w14:ligatures w14:val="none"/>
        </w:rPr>
        <w:t>2. Static Web Pages</w:t>
      </w:r>
    </w:p>
    <w:p w14:paraId="2ADD3A60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color w:val="000930"/>
          <w:kern w:val="0"/>
          <w:sz w:val="24"/>
          <w:szCs w:val="24"/>
          <w14:ligatures w14:val="none"/>
        </w:rPr>
      </w:pPr>
      <w:r w:rsidRPr="00F74B81">
        <w:rPr>
          <w:rFonts w:ascii="Arial" w:eastAsia="Times New Roman" w:hAnsi="Arial" w:cs="Arial"/>
          <w:b/>
          <w:bCs/>
          <w:color w:val="000930"/>
          <w:kern w:val="0"/>
          <w:sz w:val="24"/>
          <w:szCs w:val="24"/>
          <w14:ligatures w14:val="none"/>
        </w:rPr>
        <w:t>2.1 Steps in static Web page development</w:t>
      </w:r>
    </w:p>
    <w:p w14:paraId="04153D7C" w14:textId="77777777" w:rsidR="00F74B81" w:rsidRPr="00F74B81" w:rsidRDefault="00F74B81" w:rsidP="00F74B81">
      <w:pPr>
        <w:numPr>
          <w:ilvl w:val="0"/>
          <w:numId w:val="53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A user agent makes a request to the Web server with an URL: HTTP Request to the Web server in the URL.</w:t>
      </w:r>
    </w:p>
    <w:p w14:paraId="3DE471E6" w14:textId="77777777" w:rsidR="00F74B81" w:rsidRPr="00F74B81" w:rsidRDefault="00F74B81" w:rsidP="00F74B81">
      <w:pPr>
        <w:numPr>
          <w:ilvl w:val="0"/>
          <w:numId w:val="53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Web server gets the requested resource:</w:t>
      </w:r>
    </w:p>
    <w:p w14:paraId="7FF252B4" w14:textId="77777777" w:rsidR="00F74B81" w:rsidRPr="00F74B81" w:rsidRDefault="00F74B81" w:rsidP="00F74B81">
      <w:pPr>
        <w:numPr>
          <w:ilvl w:val="1"/>
          <w:numId w:val="53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URL is mapped by the Web server to a local resource: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 URL Mapping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 maps URL to a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data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 file, usually HTML.</w:t>
      </w:r>
    </w:p>
    <w:p w14:paraId="0E5BAE8B" w14:textId="77777777" w:rsidR="00F74B81" w:rsidRPr="00F74B81" w:rsidRDefault="00F74B81" w:rsidP="00F74B81">
      <w:pPr>
        <w:numPr>
          <w:ilvl w:val="1"/>
          <w:numId w:val="53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Web server fetches (reads) the file.</w:t>
      </w:r>
    </w:p>
    <w:p w14:paraId="6E43B461" w14:textId="77777777" w:rsidR="00F74B81" w:rsidRPr="00F74B81" w:rsidRDefault="00F74B81" w:rsidP="00F74B81">
      <w:pPr>
        <w:numPr>
          <w:ilvl w:val="0"/>
          <w:numId w:val="53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The Web server prepares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a HTTP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Response, the body of which is the fetched file.</w:t>
      </w:r>
    </w:p>
    <w:p w14:paraId="366BDBAF" w14:textId="6290AA39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noProof/>
          <w:color w:val="000000"/>
          <w:kern w:val="0"/>
          <w14:ligatures w14:val="none"/>
        </w:rPr>
        <w:drawing>
          <wp:inline distT="0" distB="0" distL="0" distR="0" wp14:anchorId="45B8C00E" wp14:editId="288FC937">
            <wp:extent cx="7620000" cy="4286885"/>
            <wp:effectExtent l="0" t="0" r="0" b="0"/>
            <wp:docPr id="1020998229" name="Picture 8" descr="A diagram of a web page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0998229" name="Picture 8" descr="A diagram of a web page&#10;&#10;AI-generated content may be incorrect.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620000" cy="4286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2D79885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If localhost is used in the HTTP Request, the server computer is also the user device. This may happen in the development phase, but not in a production server.</w:t>
      </w:r>
    </w:p>
    <w:p w14:paraId="04031F41" w14:textId="5D1DBF1D" w:rsid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noProof/>
          <w:color w:val="000000"/>
          <w:kern w:val="0"/>
          <w14:ligatures w14:val="none"/>
        </w:rPr>
        <w:drawing>
          <wp:inline distT="0" distB="0" distL="0" distR="0" wp14:anchorId="5BACBB04" wp14:editId="0B53CA97">
            <wp:extent cx="7620000" cy="4192270"/>
            <wp:effectExtent l="0" t="0" r="0" b="0"/>
            <wp:docPr id="931678317" name="Picture 7" descr="A diagram of a serv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31678317" name="Picture 7" descr="A diagram of a server&#10;&#10;AI-generated content may be incorrect.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620000" cy="41922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F192312" w14:textId="77777777" w:rsidR="00224181" w:rsidRDefault="002241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</w:p>
    <w:p w14:paraId="2741B95C" w14:textId="754BD62D" w:rsidR="00224181" w:rsidRDefault="002241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>
        <w:rPr>
          <w:rFonts w:ascii="Verdana" w:eastAsia="Times New Roman" w:hAnsi="Verdana" w:cs="Times New Roman"/>
          <w:color w:val="000000"/>
          <w:kern w:val="0"/>
          <w14:ligatures w14:val="none"/>
        </w:rPr>
        <w:t>In XAMPP: localhost (root directory) -&gt; c:\xampp\htdocs</w:t>
      </w:r>
    </w:p>
    <w:p w14:paraId="1C701CFA" w14:textId="3E4DC672" w:rsidR="00224181" w:rsidRDefault="002241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hyperlink r:id="rId10" w:history="1">
        <w:r w:rsidRPr="00224181">
          <w:rPr>
            <w:rStyle w:val="Hyperlink"/>
            <w:rFonts w:ascii="Verdana" w:eastAsia="Times New Roman" w:hAnsi="Verdana" w:cs="Times New Roman"/>
            <w:kern w:val="0"/>
            <w:highlight w:val="yellow"/>
            <w14:ligatures w14:val="none"/>
          </w:rPr>
          <w:t>http://localhost</w:t>
        </w:r>
        <w:r w:rsidRPr="00224181">
          <w:rPr>
            <w:rStyle w:val="Hyperlink"/>
            <w:rFonts w:ascii="Verdana" w:eastAsia="Times New Roman" w:hAnsi="Verdana" w:cs="Times New Roman"/>
            <w:kern w:val="0"/>
            <w:highlight w:val="green"/>
            <w14:ligatures w14:val="none"/>
          </w:rPr>
          <w:t>/demo/s1/test.html</w:t>
        </w:r>
      </w:hyperlink>
      <w:r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-&gt; </w:t>
      </w:r>
      <w:r w:rsidRPr="002241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c:\xampp\htdocs</w:t>
      </w:r>
      <w:r w:rsidRPr="00224181">
        <w:rPr>
          <w:rFonts w:ascii="Verdana" w:eastAsia="Times New Roman" w:hAnsi="Verdana" w:cs="Times New Roman"/>
          <w:color w:val="000000"/>
          <w:kern w:val="0"/>
          <w:highlight w:val="green"/>
          <w14:ligatures w14:val="none"/>
        </w:rPr>
        <w:t>\demo\s1\test.html</w:t>
      </w:r>
    </w:p>
    <w:p w14:paraId="566ED770" w14:textId="3CBF557F" w:rsidR="00224181" w:rsidRDefault="002241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>
        <w:rPr>
          <w:rFonts w:ascii="Verdana" w:eastAsia="Times New Roman" w:hAnsi="Verdana" w:cs="Times New Roman"/>
          <w:color w:val="000000"/>
          <w:kern w:val="0"/>
          <w14:ligatures w14:val="none"/>
        </w:rPr>
        <w:t>In DCM server:</w:t>
      </w:r>
    </w:p>
    <w:p w14:paraId="114175D2" w14:textId="26835A77" w:rsidR="00224181" w:rsidRDefault="005005AB" w:rsidP="00F74B81">
      <w:pPr>
        <w:spacing w:before="100" w:beforeAutospacing="1" w:after="100" w:afterAutospacing="1" w:line="240" w:lineRule="auto"/>
      </w:pPr>
      <w:hyperlink r:id="rId11" w:history="1">
        <w:r w:rsidRPr="00CD4799">
          <w:rPr>
            <w:rStyle w:val="Hyperlink"/>
            <w:highlight w:val="yellow"/>
          </w:rPr>
          <w:t>http://dcm.uhcl.edu/</w:t>
        </w:r>
        <w:r w:rsidRPr="00CD4799">
          <w:rPr>
            <w:rStyle w:val="Hyperlink"/>
            <w:rFonts w:cstheme="minorHAnsi"/>
            <w:bCs/>
            <w:highlight w:val="yellow"/>
          </w:rPr>
          <w:t>fa25</w:t>
        </w:r>
        <w:r w:rsidRPr="00CD4799">
          <w:rPr>
            <w:rStyle w:val="Hyperlink"/>
            <w:highlight w:val="yellow"/>
          </w:rPr>
          <w:t>c4333s1</w:t>
        </w:r>
        <w:r w:rsidRPr="00CD4799">
          <w:rPr>
            <w:rStyle w:val="Hyperlink"/>
            <w:highlight w:val="yellow"/>
          </w:rPr>
          <w:t>hannaj</w:t>
        </w:r>
        <w:r w:rsidRPr="00CD4799">
          <w:rPr>
            <w:rStyle w:val="Hyperlink"/>
          </w:rPr>
          <w:t>/h6.py</w:t>
        </w:r>
      </w:hyperlink>
      <w:r w:rsidR="00224181">
        <w:t xml:space="preserve"> -&gt; </w:t>
      </w:r>
      <w:r w:rsidR="00224181" w:rsidRPr="005005AB">
        <w:rPr>
          <w:highlight w:val="yellow"/>
        </w:rPr>
        <w:t>fa25c4333s1</w:t>
      </w:r>
      <w:r w:rsidR="00224181" w:rsidRPr="005005AB">
        <w:rPr>
          <w:highlight w:val="yellow"/>
        </w:rPr>
        <w:t>hanna</w:t>
      </w:r>
      <w:r w:rsidRPr="005005AB">
        <w:rPr>
          <w:highlight w:val="yellow"/>
        </w:rPr>
        <w:t>j</w:t>
      </w:r>
      <w:r w:rsidR="00224181" w:rsidRPr="005005AB">
        <w:rPr>
          <w:highlight w:val="yellow"/>
        </w:rPr>
        <w:t>7804</w:t>
      </w:r>
      <w:r w:rsidR="00224181">
        <w:t>/h6.py</w:t>
      </w:r>
    </w:p>
    <w:p w14:paraId="7A42441F" w14:textId="4C6033CB" w:rsidR="005005AB" w:rsidRDefault="005005AB" w:rsidP="005005AB">
      <w:pPr>
        <w:spacing w:before="100" w:beforeAutospacing="1" w:after="100" w:afterAutospacing="1" w:line="240" w:lineRule="auto"/>
      </w:pPr>
      <w:hyperlink r:id="rId12" w:history="1">
        <w:r w:rsidRPr="005005AB">
          <w:rPr>
            <w:rStyle w:val="Hyperlink"/>
            <w:highlight w:val="yellow"/>
          </w:rPr>
          <w:t>http://dcm.uhcl.edu/</w:t>
        </w:r>
        <w:r w:rsidRPr="005005AB">
          <w:rPr>
            <w:rStyle w:val="Hyperlink"/>
            <w:rFonts w:cstheme="minorHAnsi"/>
            <w:bCs/>
            <w:highlight w:val="yellow"/>
          </w:rPr>
          <w:t>yue</w:t>
        </w:r>
        <w:r w:rsidRPr="00CD4799">
          <w:rPr>
            <w:rStyle w:val="Hyperlink"/>
          </w:rPr>
          <w:t>/h6.py</w:t>
        </w:r>
      </w:hyperlink>
      <w:r>
        <w:t xml:space="preserve"> -&gt;</w:t>
      </w:r>
      <w:r>
        <w:t xml:space="preserve"> </w:t>
      </w:r>
      <w:r w:rsidRPr="005005AB">
        <w:rPr>
          <w:highlight w:val="yellow"/>
        </w:rPr>
        <w:t>yue</w:t>
      </w:r>
      <w:r>
        <w:t>/h6.py</w:t>
      </w:r>
    </w:p>
    <w:p w14:paraId="786C66FE" w14:textId="2383D09A" w:rsidR="005005AB" w:rsidRDefault="005005AB" w:rsidP="00F74B81">
      <w:pPr>
        <w:spacing w:before="100" w:beforeAutospacing="1" w:after="100" w:afterAutospacing="1" w:line="240" w:lineRule="auto"/>
      </w:pPr>
      <w:hyperlink r:id="rId13" w:history="1">
        <w:r w:rsidRPr="00CD4799">
          <w:rPr>
            <w:rStyle w:val="Hyperlink"/>
          </w:rPr>
          <w:t>https://dcm.uhcl.edu/yue/demo/s1/test.html</w:t>
        </w:r>
      </w:hyperlink>
      <w:r>
        <w:t xml:space="preserve"> -&gt; </w:t>
      </w:r>
      <w:proofErr w:type="spellStart"/>
      <w:r>
        <w:t>yue</w:t>
      </w:r>
      <w:proofErr w:type="spellEnd"/>
      <w:r>
        <w:t>/demo/s1/test.html</w:t>
      </w:r>
    </w:p>
    <w:p w14:paraId="27146955" w14:textId="0D558532" w:rsidR="00224181" w:rsidRDefault="002241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Download </w:t>
      </w:r>
      <w:proofErr w:type="spellStart"/>
      <w:r>
        <w:rPr>
          <w:rFonts w:ascii="Verdana" w:eastAsia="Times New Roman" w:hAnsi="Verdana" w:cs="Times New Roman"/>
          <w:color w:val="000000"/>
          <w:kern w:val="0"/>
          <w14:ligatures w14:val="none"/>
        </w:rPr>
        <w:t>filezilla</w:t>
      </w:r>
      <w:proofErr w:type="spellEnd"/>
      <w:r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client:</w:t>
      </w:r>
    </w:p>
    <w:p w14:paraId="46B8C385" w14:textId="5271498F" w:rsidR="00224181" w:rsidRDefault="002241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>
        <w:rPr>
          <w:rFonts w:ascii="Verdana" w:eastAsia="Times New Roman" w:hAnsi="Verdana" w:cs="Times New Roman"/>
          <w:color w:val="000000"/>
          <w:kern w:val="0"/>
          <w14:ligatures w14:val="none"/>
        </w:rPr>
        <w:t>Set up a session site:</w:t>
      </w:r>
    </w:p>
    <w:p w14:paraId="649DF4EB" w14:textId="4407310F" w:rsidR="00224181" w:rsidRDefault="005005AB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>
        <w:rPr>
          <w:noProof/>
        </w:rPr>
        <w:drawing>
          <wp:inline distT="0" distB="0" distL="0" distR="0" wp14:anchorId="62F1EB4E" wp14:editId="66D654C7">
            <wp:extent cx="6527679" cy="3200464"/>
            <wp:effectExtent l="0" t="0" r="6985" b="0"/>
            <wp:docPr id="796559161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96559161" name="Picture 1" descr="A screenshot of a computer&#10;&#10;AI-generated content may be incorrect.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6536388" cy="320473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8F2B127" w14:textId="77777777" w:rsidR="005005AB" w:rsidRPr="00F74B81" w:rsidRDefault="005005AB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</w:p>
    <w:p w14:paraId="06D2BA89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14:ligatures w14:val="none"/>
        </w:rPr>
      </w:pPr>
      <w:r w:rsidRPr="00F74B81"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:highlight w:val="yellow"/>
          <w14:ligatures w14:val="none"/>
        </w:rPr>
        <w:t>2.2 HTTP</w:t>
      </w:r>
    </w:p>
    <w:p w14:paraId="5D4ADCE7" w14:textId="5CC2A869" w:rsidR="00F74B81" w:rsidRPr="00F74B81" w:rsidRDefault="00F74B81" w:rsidP="00F74B81">
      <w:pPr>
        <w:numPr>
          <w:ilvl w:val="0"/>
          <w:numId w:val="54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HTTP is an </w:t>
      </w:r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application layer network protocol f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or transferring Web information between clients and servers. The clients make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requests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and the servers provide responses to them.</w:t>
      </w:r>
      <w:r w:rsidR="00557715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</w:t>
      </w:r>
      <w:r w:rsidR="00557715" w:rsidRPr="00557715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Text-based.</w:t>
      </w:r>
    </w:p>
    <w:p w14:paraId="1C098088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i/>
          <w:iCs/>
          <w:color w:val="006666"/>
          <w:kern w:val="0"/>
          <w14:ligatures w14:val="none"/>
        </w:rPr>
      </w:pPr>
      <w:r w:rsidRPr="00F74B81">
        <w:rPr>
          <w:rFonts w:ascii="Arial" w:eastAsia="Times New Roman" w:hAnsi="Arial" w:cs="Arial"/>
          <w:b/>
          <w:bCs/>
          <w:i/>
          <w:iCs/>
          <w:color w:val="006666"/>
          <w:kern w:val="0"/>
          <w14:ligatures w14:val="none"/>
        </w:rPr>
        <w:t>HTTP Request:</w:t>
      </w:r>
    </w:p>
    <w:p w14:paraId="3394A97D" w14:textId="77777777" w:rsidR="00F74B81" w:rsidRPr="00F74B81" w:rsidRDefault="00F74B81" w:rsidP="00F74B81">
      <w:pPr>
        <w:numPr>
          <w:ilvl w:val="0"/>
          <w:numId w:val="55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HTTP Request header: storing </w:t>
      </w:r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meta data in name-value pairs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.</w:t>
      </w:r>
    </w:p>
    <w:p w14:paraId="6936F035" w14:textId="77777777" w:rsidR="00F74B81" w:rsidRPr="00F74B81" w:rsidRDefault="00F74B81" w:rsidP="00F74B81">
      <w:pPr>
        <w:numPr>
          <w:ilvl w:val="0"/>
          <w:numId w:val="55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An empty line</w:t>
      </w:r>
    </w:p>
    <w:p w14:paraId="7BAA0C40" w14:textId="77777777" w:rsidR="00F74B81" w:rsidRPr="00F74B81" w:rsidRDefault="00F74B81" w:rsidP="00F74B81">
      <w:pPr>
        <w:numPr>
          <w:ilvl w:val="0"/>
          <w:numId w:val="55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HTTP Request body (optional)</w:t>
      </w:r>
    </w:p>
    <w:p w14:paraId="45A4DBC6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i/>
          <w:iCs/>
          <w:color w:val="006666"/>
          <w:kern w:val="0"/>
          <w14:ligatures w14:val="none"/>
        </w:rPr>
      </w:pPr>
      <w:r w:rsidRPr="00F74B81">
        <w:rPr>
          <w:rFonts w:ascii="Arial" w:eastAsia="Times New Roman" w:hAnsi="Arial" w:cs="Arial"/>
          <w:b/>
          <w:bCs/>
          <w:i/>
          <w:iCs/>
          <w:color w:val="006666"/>
          <w:kern w:val="0"/>
          <w14:ligatures w14:val="none"/>
        </w:rPr>
        <w:t>HTTP Response</w:t>
      </w:r>
    </w:p>
    <w:p w14:paraId="609023C1" w14:textId="77777777" w:rsidR="00F74B81" w:rsidRPr="00F74B81" w:rsidRDefault="00F74B81" w:rsidP="00F74B81">
      <w:pPr>
        <w:numPr>
          <w:ilvl w:val="0"/>
          <w:numId w:val="56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HTTP Response header in name-value pairs.</w:t>
      </w:r>
    </w:p>
    <w:p w14:paraId="14B88160" w14:textId="77777777" w:rsidR="00F74B81" w:rsidRPr="00F74B81" w:rsidRDefault="00F74B81" w:rsidP="00F74B81">
      <w:pPr>
        <w:numPr>
          <w:ilvl w:val="0"/>
          <w:numId w:val="56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An empty line</w:t>
      </w:r>
    </w:p>
    <w:p w14:paraId="054806B0" w14:textId="77777777" w:rsidR="00F74B81" w:rsidRPr="00F74B81" w:rsidRDefault="00F74B81" w:rsidP="00F74B81">
      <w:pPr>
        <w:numPr>
          <w:ilvl w:val="0"/>
          <w:numId w:val="56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HTTP Response body (optional)</w:t>
      </w:r>
    </w:p>
    <w:p w14:paraId="37353400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There are many tools that you can use to look at HTTP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request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and response headers. For example, for Chrome, One may be </w:t>
      </w:r>
      <w:hyperlink r:id="rId15" w:history="1">
        <w:r w:rsidRPr="00F74B81">
          <w:rPr>
            <w:rFonts w:ascii="Verdana" w:eastAsia="Times New Roman" w:hAnsi="Verdana" w:cs="Times New Roman"/>
            <w:color w:val="0000FF"/>
            <w:kern w:val="0"/>
            <w:highlight w:val="yellow"/>
            <w:u w:val="single"/>
            <w14:ligatures w14:val="none"/>
          </w:rPr>
          <w:t>using the built-in inspector</w:t>
        </w:r>
      </w:hyperlink>
      <w:r w:rsidRPr="00F74B81">
        <w:rPr>
          <w:rFonts w:ascii="Verdana" w:eastAsia="Times New Roman" w:hAnsi="Verdana" w:cs="Times New Roman"/>
          <w:color w:val="000000"/>
          <w:kern w:val="0"/>
          <w:highlight w:val="yellow"/>
          <w14:ligatures w14:val="none"/>
        </w:rPr>
        <w:t> (Control -&gt; Inspect -&gt; Network).</w:t>
      </w:r>
    </w:p>
    <w:p w14:paraId="0F18C855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b/>
          <w:bCs/>
          <w:i/>
          <w:iCs/>
          <w:color w:val="339966"/>
          <w:kern w:val="0"/>
          <w14:ligatures w14:val="none"/>
        </w:rPr>
        <w:t>Example:</w:t>
      </w:r>
    </w:p>
    <w:p w14:paraId="44CA20AC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Using Chrome to access http://dcm.uhcl.edu/yue/ (quite a while ago).</w:t>
      </w:r>
    </w:p>
    <w:p w14:paraId="19543E61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HTTP Request header may be:</w:t>
      </w:r>
    </w:p>
    <w:p w14:paraId="4FE9C530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GET 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yu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/ HTTP/1.1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Host: dcm.uhcl.edu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Accept: text/html,application/xhtml+xml,application/xml;q=0.9,image/webp,*/*;q=0.8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Accept-Encoding: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gzip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, deflate,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dc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Accept-Language: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en-US,en;q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0.8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Cookie: ASPSESSIONIDSQCQRSBD=INENHEEBLFGOGHKFBKIBLAEO; ASPSESSIONIDSQBRRTAC=BHCPCNOBKEBCIGBIAPPGKCCC; ASPSESSIONIDSSCTRSAD=MICBCLJCAEMDBIBIBNBGGIIE; ASPSESSIONIDSSCRSSAC=GKGLGNDDFIMKDKBHLKPDPCHO; ASPSESSIONIDSQBTTRAC=CBABGKODOJHMDCNONKOCPDHN; ASPSESSIONIDSQARTSBC=IGNDLEDDOJEGAGCMBLEICEEI; ASPSESSIONIDQSARTSAD=PKLPPBDBNCHJPBLALOPCJIGN; ASPSESSIONIDSSARRRDD=CMPNGIHAKBPNAOKKGOGLHPFK; ASPSESSIONIDQSARSTAD=PCADGENBBDKFJEMAMDIKEHOB; ASPSESSIONIDQSDTTQBD=JKHNECHCBMCLEHFBGHFMFELC; ASPSESSIONIDSSARRRCC=BAJNJNGAPJOOBMIDAPOIHJHN; ASPSESSIONIDACSSCTQR=CAJBMBBDMCGDNOLIJBGHEEIO; ASPSESSIONIDCARSAQTQ=KFCHGJABODHAJJCJBPNKMICK; ASPSESSIONIDCQRACTCB=POPHJGADHNGFECOGGEOIOFBA; ASPSESSIONIDCQTCARBD=FOBNDOABCKNJBGPMMFFCHFJJ; ASPSESSIONIDASTCARBC=KDHLNLKBDLAPGEIMILDNOFCB; ASPSESSIONIDCQSDCTCB=HPOBPEECPBNPPBIFPMKPHKAL; ASPSESSIONIDCSQTARAS=BDHFPJDCNCAEPFFMFPABAMKM; ASPSESSIONIDQSSSRRTA=CCPDFCHBILLMAFIMLLNBPOAB; ASPSESSIONIDSQSRRQTA=CMDFCOGDGBHDFAHIIADBABJO; ASPSESSIONIDQSSQSQSA=LJOBGGBAEBNGBODOMKDPFLCF; ASPSESSIONIDQSSRQTTB=GFHPPMMAJMDOCAOBKNKHFLPP; ASPSESSIONIDSSQRTRCS=HKOBDDLAABMCJPGNIGFNKMIJ; ASPSESSIONIDSSTTSTBT=DMMLKGKANJPNILMPOAPMHLID; ASPSESSIONIDCARTQCAS=MJMFMKEDNCKKINPHLCIOGNPA; ASPSESSIONIDAATQTDBS=GPGPOCPDJGFLGEGKGHCLJABE; ASPSESSIONIDACRSQCAT=EDPJEGEBEGAHOFNKLLJCLKBJ; ASPSESSIONIDAAAATTBA=OFJJHHJCONLIOFGCCIHACKCG; ASPSESSIONIDAACBSSAA=BEMNHODDCMIHGABJKDONDLBC; ASPSESSIONIDAADASTBB=ECONFFOBCGANIFAOBCPJDIDH; ASPSESSIONIDAADCRSAA=NEIBBLICBGHFINHGPPFCJAKN; ASPSESSIONIDCCDBTRCA=OKFJCGDDMALOAABLJCKMHBBM; ASPSESSIONIDQQRTSRCQ=IKBJHDODEOFFFANBAHFKAAPI; ASPSESSIONIDSSSTQSDR=CGIJNOHCDGBILOOMDOFGLACH; ASPSESSIONIDQQSRTTDQ=IGLDFICDELFIENPMDINFCLJC; ASPSESSIONIDQCDDTTAQ=IPDJJHNDIHKHJLLPOMHGGLCF; ASPSESSIONIDQCDCRQDQ=ONCNOFBBKPGLDEIGIALKHKPO; ASPSESSIONIDQCAAQSDQ=LEHFKPLDJNMEDOCIHBKDMMEH; ASPSESSIONIDQAADRRDQ=LMNNECGAPNGBLONGIMFFOEAB; ASPSESSIONIDACRCRTQD=BPOHFIKBGEBMEEGOBKKBJAGD; ASPSESSIONIDAATDSRRD=LMGJCJPCJLCBJOOIPLFLNCAA; ASPSESSIONIDSQACSRDR=DGNJNLJBLOMAHDEAAOEFCAMM; ASPSESSIONIDQQADQSDQ=PJJFHIOAAGKDJDAFKDIGOMJN; ASPSESSIONIDQSCDQTCQ=JKCHLINCGEHJDFEGHNIBKMIM; ASPSESSIONIDSSBCSSDR=MCGPECIDJNGIEFBMLEHKNOKJ; ASPSESSIONIDSSDCQTDR=COIDIPBAMMBLPGFKCKDEPMNG; ASPSESSIONIDSACSBBTR=DIKJFGMAEDOKGKBFFGANFLNF; __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utmc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=61056616; ASPSESSIONIDCATSDDST=HIBNGHNDHJLCEKFOFAEDHNPA; ASPSESSIONIDAAQSCDTS=FADLJFICPIFBOGEPFAPEGNIE; ASPSESSIONIDASQRTTAQ=FPHHDCPAGFFKAKCCKEABAJBJ; ASPSESSIONIDAQRTQQDQ=PCPHCJDCOCCGMJOIMDBOKGHG; ASPSESSIONIDASQSTSAQ=KHFDEONCEBMMCACPPGDMNKDB;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as_js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1; ASPSESSIONIDQAADDRQA=DPCFGJLALPHKCEFJLCMAIMNJ; ASPSESSIONIDSCCQASAR=CLKFPHBDNCPCDAPGFHOBJEMA; ASPSESSIONIDQAATATBR=NNEHOJMDJCFNKGNFPMDHPJNM; ASPSESSIONIDSQTTCDTA=HKJDFDAABHHHOPGFFDOHDFDO; ASPSESSIONIDSSSQADSC=DDNBIEOBDFJCLODCMNFHINHA; __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utma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66415163.264850463.1309620985.1410922342.1428450784.123; __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utmc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66415163; __utmz=66415163.1428450784.123.1.utmccn=(direct)|utmcsr=(direct)|utmcmd=(none); .UHCLAuthNet=89A9D736D3B96923E9BCB6E6C53E80E0DDC8DDD4BD0D724749FD14CFF04168C3FBBCDEF2182008646D15199DA8CDF39711261C2BC52AA1EE77D35E00B6FF5C66B3C0BBEE170AC1AB582A889BAA0419EFB36052C406E4372450A65406A8D11844E4828C4802058711568C15831E272DE827ED0C3E; WT_FPC=id=172.29.1.35-3959882976.30274169:lv=1438888300784:ss=1438888300784; _ga=GA1.2.903118926.1438958881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Upgrade-Insecure-Requests: 1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User-Agent: Mozilla/5.0 (Windows NT 6.1; WOW64)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AppleWebKi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/537.36 (KHTML, like Gecko) Chrome/44.0.2403.155 Safari/537.36</w:t>
      </w:r>
    </w:p>
    <w:p w14:paraId="563E93E2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HTTP Response header:</w:t>
      </w:r>
    </w:p>
    <w:p w14:paraId="39BC2FF3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TP/1.1 200 OK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Accept-Ranges: bytes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Content-Encoding: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gzip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Content-Length: 1970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Content-Type: text/html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Date: Wed, 12 Aug 2015 19:50:09 GM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ETag: "3be2b1c6662fd01:0"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Last-Modified: Tue, 13 Jan 2015 19:26:06 GM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Server: Microsoft-IIS/7.5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Vary: Accept-Encoding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X-Powered-By: ASP.NET</w:t>
      </w:r>
    </w:p>
    <w:p w14:paraId="038857DF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or </w:t>
      </w:r>
      <w:hyperlink r:id="rId16" w:history="1">
        <w:r w:rsidRPr="00F74B81">
          <w:rPr>
            <w:rFonts w:ascii="Verdana" w:eastAsia="Times New Roman" w:hAnsi="Verdana" w:cs="Times New Roman"/>
            <w:color w:val="0000FF"/>
            <w:kern w:val="0"/>
            <w:u w:val="single"/>
            <w14:ligatures w14:val="none"/>
          </w:rPr>
          <w:t>test.html</w:t>
        </w:r>
      </w:hyperlink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:</w:t>
      </w:r>
    </w:p>
    <w:p w14:paraId="209FAA47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If you have curl (</w:t>
      </w:r>
      <w:hyperlink r:id="rId17" w:history="1">
        <w:r w:rsidRPr="00F74B81">
          <w:rPr>
            <w:rFonts w:ascii="Verdana" w:eastAsia="Times New Roman" w:hAnsi="Verdana" w:cs="Times New Roman"/>
            <w:color w:val="0000FF"/>
            <w:kern w:val="0"/>
            <w:u w:val="single"/>
            <w14:ligatures w14:val="none"/>
          </w:rPr>
          <w:t>https://curl.se/</w:t>
        </w:r>
      </w:hyperlink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) in your computer, you may use</w:t>
      </w:r>
    </w:p>
    <w:p w14:paraId="28543C56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Courier New" w:eastAsia="Times New Roman" w:hAnsi="Courier New" w:cs="Courier New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url -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i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localhost/python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join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/test.html</w:t>
      </w:r>
    </w:p>
    <w:p w14:paraId="429B8137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(replace with your favorite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url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) to get something like:</w:t>
      </w:r>
    </w:p>
    <w:p w14:paraId="62B8E9E1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url -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i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localhost/python/test.html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HTTP/1.1 200 OK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Date: Fri, 23 Dec 2022 22:16:59 GM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Server: Apache/2.4.43 (Win64) OpenSSL/1.1.1g PHP/7.4.5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Last-Modified: Fri, 23 Dec 2022 22:16:53 GM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ETag: "2f-5f086249824d1"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Accept-Ranges: bytes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Content-Length: 47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Content-Type: text/html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Hello, world.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body&gt;</w:t>
      </w:r>
    </w:p>
    <w:p w14:paraId="6AF140D7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14:ligatures w14:val="none"/>
        </w:rPr>
      </w:pPr>
      <w:r w:rsidRPr="00F74B81"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14:ligatures w14:val="none"/>
        </w:rPr>
        <w:t>3. Dynamic Web Pages</w:t>
      </w:r>
    </w:p>
    <w:p w14:paraId="44516BB8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color w:val="000930"/>
          <w:kern w:val="0"/>
          <w:sz w:val="24"/>
          <w:szCs w:val="24"/>
          <w14:ligatures w14:val="none"/>
        </w:rPr>
      </w:pPr>
      <w:r w:rsidRPr="00F74B81">
        <w:rPr>
          <w:rFonts w:ascii="Arial" w:eastAsia="Times New Roman" w:hAnsi="Arial" w:cs="Arial"/>
          <w:b/>
          <w:bCs/>
          <w:color w:val="000930"/>
          <w:kern w:val="0"/>
          <w:sz w:val="24"/>
          <w:szCs w:val="24"/>
          <w14:ligatures w14:val="none"/>
        </w:rPr>
        <w:t>3.1 Dynamic Web page generation using CGI</w:t>
      </w:r>
    </w:p>
    <w:p w14:paraId="029E562D" w14:textId="77777777" w:rsidR="00F74B81" w:rsidRPr="00F74B81" w:rsidRDefault="00F74B81" w:rsidP="00F74B81">
      <w:pPr>
        <w:numPr>
          <w:ilvl w:val="0"/>
          <w:numId w:val="57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A user agent makes a request to the Web server with an URL: HTTP Request to the Web server in the URL.</w:t>
      </w:r>
    </w:p>
    <w:p w14:paraId="0F5CB825" w14:textId="77777777" w:rsidR="00F74B81" w:rsidRPr="00F74B81" w:rsidRDefault="00F74B81" w:rsidP="00F74B81">
      <w:pPr>
        <w:numPr>
          <w:ilvl w:val="0"/>
          <w:numId w:val="57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Web Server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invokes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 the requested resource program:</w:t>
      </w:r>
    </w:p>
    <w:p w14:paraId="731114F8" w14:textId="77777777" w:rsidR="00F74B81" w:rsidRPr="00F74B81" w:rsidRDefault="00F74B81" w:rsidP="00F74B81">
      <w:pPr>
        <w:numPr>
          <w:ilvl w:val="1"/>
          <w:numId w:val="57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URL is mapped by the Web server to a local resource: URL Mapping maps URL to a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program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 file, such as .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aspx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, .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php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, .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cgi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, .pl, .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py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, etc.</w:t>
      </w:r>
    </w:p>
    <w:p w14:paraId="715E6168" w14:textId="77777777" w:rsidR="00F74B81" w:rsidRPr="00F74B81" w:rsidRDefault="00F74B81" w:rsidP="00F74B81">
      <w:pPr>
        <w:numPr>
          <w:ilvl w:val="1"/>
          <w:numId w:val="57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Web server invokes the appropriate interpreter to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execute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 the program.</w:t>
      </w:r>
    </w:p>
    <w:p w14:paraId="4CCBC19A" w14:textId="77777777" w:rsidR="00F74B81" w:rsidRPr="00F74B81" w:rsidRDefault="00F74B81" w:rsidP="00F74B81">
      <w:pPr>
        <w:numPr>
          <w:ilvl w:val="1"/>
          <w:numId w:val="57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Communications between the Web server and the program use the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CGI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 standard or other more modern standards.</w:t>
      </w:r>
    </w:p>
    <w:p w14:paraId="3FCEFD4C" w14:textId="77777777" w:rsidR="00F74B81" w:rsidRPr="00F74B81" w:rsidRDefault="00F74B81" w:rsidP="00F74B81">
      <w:pPr>
        <w:numPr>
          <w:ilvl w:val="0"/>
          <w:numId w:val="57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program executes:</w:t>
      </w:r>
    </w:p>
    <w:p w14:paraId="02D829F9" w14:textId="77777777" w:rsidR="00F74B81" w:rsidRPr="00F74B81" w:rsidRDefault="00F74B81" w:rsidP="00F74B81">
      <w:pPr>
        <w:numPr>
          <w:ilvl w:val="1"/>
          <w:numId w:val="57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It can interact with other software and resources.</w:t>
      </w:r>
    </w:p>
    <w:p w14:paraId="39CEF55F" w14:textId="77777777" w:rsidR="00F74B81" w:rsidRPr="00F74B81" w:rsidRDefault="00F74B81" w:rsidP="00F74B81">
      <w:pPr>
        <w:numPr>
          <w:ilvl w:val="1"/>
          <w:numId w:val="57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Standard output from the program is sent to the Web server.</w:t>
      </w:r>
    </w:p>
    <w:p w14:paraId="53A81508" w14:textId="77777777" w:rsidR="00F74B81" w:rsidRPr="00F74B81" w:rsidRDefault="00F74B81" w:rsidP="00F74B81">
      <w:pPr>
        <w:numPr>
          <w:ilvl w:val="0"/>
          <w:numId w:val="57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Web server prepares an HTTP Response accordingly.</w:t>
      </w:r>
    </w:p>
    <w:p w14:paraId="723BA460" w14:textId="6D506869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noProof/>
          <w:color w:val="000000"/>
          <w:kern w:val="0"/>
          <w14:ligatures w14:val="none"/>
        </w:rPr>
        <w:drawing>
          <wp:inline distT="0" distB="0" distL="0" distR="0" wp14:anchorId="0C8F71CE" wp14:editId="4CBD0ACA">
            <wp:extent cx="7620000" cy="4192270"/>
            <wp:effectExtent l="0" t="0" r="0" b="0"/>
            <wp:docPr id="859269026" name="Picture 6" descr="A diagram of a server system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59269026" name="Picture 6" descr="A diagram of a server system&#10;&#10;AI-generated content may be incorrect.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620000" cy="41922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51DFA39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b/>
          <w:bCs/>
          <w:i/>
          <w:iCs/>
          <w:color w:val="339966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b/>
          <w:bCs/>
          <w:i/>
          <w:iCs/>
          <w:color w:val="339966"/>
          <w:kern w:val="0"/>
          <w14:ligatures w14:val="none"/>
        </w:rPr>
        <w:t>Example:</w:t>
      </w:r>
    </w:p>
    <w:p w14:paraId="1A154695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In the program </w:t>
      </w:r>
      <w:hyperlink r:id="rId19" w:history="1">
        <w:r w:rsidRPr="00F74B81">
          <w:rPr>
            <w:rFonts w:ascii="Verdana" w:eastAsia="Times New Roman" w:hAnsi="Verdana" w:cs="Times New Roman"/>
            <w:color w:val="0000FF"/>
            <w:kern w:val="0"/>
            <w:u w:val="single"/>
            <w14:ligatures w14:val="none"/>
          </w:rPr>
          <w:t>test.py</w:t>
        </w:r>
      </w:hyperlink>
    </w:p>
    <w:p w14:paraId="3D418EEE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Courier New" w:eastAsia="Times New Roman" w:hAnsi="Courier New" w:cs="Courier New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#!"c:\python310\python.exe"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# enable debugging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impor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.enable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print(</w:t>
      </w:r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"Content-Type: text/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ml;charset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utf-8"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print("&lt;html&gt;&lt;body&gt;Hello </w:t>
      </w:r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World!&lt;</w:t>
      </w:r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/body&gt;&lt;/html&gt;") </w:t>
      </w:r>
    </w:p>
    <w:p w14:paraId="17152145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Python CGI program output:</w:t>
      </w:r>
    </w:p>
    <w:p w14:paraId="20AA219F" w14:textId="77777777" w:rsidR="00F74B81" w:rsidRPr="00F74B81" w:rsidRDefault="00F74B81" w:rsidP="00F74B81">
      <w:pPr>
        <w:numPr>
          <w:ilvl w:val="0"/>
          <w:numId w:val="58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A part of the HTTP Response header: "Content-Type: text/</w:t>
      </w:r>
      <w:proofErr w:type="spellStart"/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plain;charset</w:t>
      </w:r>
      <w:proofErr w:type="spellEnd"/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=utf-8"</w:t>
      </w:r>
    </w:p>
    <w:p w14:paraId="39D8842A" w14:textId="77777777" w:rsidR="00F74B81" w:rsidRPr="00F74B81" w:rsidRDefault="00F74B81" w:rsidP="00F74B81">
      <w:pPr>
        <w:numPr>
          <w:ilvl w:val="0"/>
          <w:numId w:val="58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An empty line</w:t>
      </w:r>
    </w:p>
    <w:p w14:paraId="425309F6" w14:textId="77777777" w:rsidR="00F74B81" w:rsidRPr="00F74B81" w:rsidRDefault="00F74B81" w:rsidP="00F74B81">
      <w:pPr>
        <w:numPr>
          <w:ilvl w:val="0"/>
          <w:numId w:val="58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HTTP Response body: "Hello World"</w:t>
      </w:r>
    </w:p>
    <w:p w14:paraId="06B1FFE2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Web Server will 'dress up' the HTTP Response Header.</w:t>
      </w:r>
    </w:p>
    <w:p w14:paraId="75B22896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If you have curl (</w:t>
      </w:r>
      <w:hyperlink r:id="rId20" w:history="1">
        <w:r w:rsidRPr="00F74B81">
          <w:rPr>
            <w:rFonts w:ascii="Verdana" w:eastAsia="Times New Roman" w:hAnsi="Verdana" w:cs="Times New Roman"/>
            <w:color w:val="0000FF"/>
            <w:kern w:val="0"/>
            <w:u w:val="single"/>
            <w14:ligatures w14:val="none"/>
          </w:rPr>
          <w:t>https://curl.se/</w:t>
        </w:r>
      </w:hyperlink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) in your computer, you may use</w:t>
      </w:r>
    </w:p>
    <w:p w14:paraId="4ECBF821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Courier New" w:eastAsia="Times New Roman" w:hAnsi="Courier New" w:cs="Courier New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url -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i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localhost/python/joindb/s2023/test.py</w:t>
      </w:r>
    </w:p>
    <w:p w14:paraId="01FAEABA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(replace with your favorite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url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) to get something like:</w:t>
      </w:r>
    </w:p>
    <w:p w14:paraId="120B81CB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url -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i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localhost/python/test.html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HTTP/1.1 200 OK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Date: Fri, 23 Dec 2022 22:16:59 GM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Server: Apache/2.4.43 (Win64) OpenSSL/1.1.1g PHP/7.4.5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Last-Modified: Fri, 23 Dec 2022 22:16:53 GM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ETag: "2f-5f086249824d1"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Accept-Ranges: bytes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Content-Length: 47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Content-Type: text/html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Hello, world.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body&gt;</w:t>
      </w:r>
    </w:p>
    <w:p w14:paraId="5E7F0045" w14:textId="77777777" w:rsidR="00F74B81" w:rsidRPr="00F74B81" w:rsidRDefault="00F74B81" w:rsidP="00F74B81">
      <w:pPr>
        <w:numPr>
          <w:ilvl w:val="0"/>
          <w:numId w:val="59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The Python program is used to implement the logic of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Web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applications, including database access.</w:t>
      </w:r>
    </w:p>
    <w:p w14:paraId="493A3866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color w:val="000930"/>
          <w:kern w:val="0"/>
          <w:sz w:val="24"/>
          <w:szCs w:val="24"/>
          <w14:ligatures w14:val="none"/>
        </w:rPr>
      </w:pPr>
      <w:r w:rsidRPr="00F74B81">
        <w:rPr>
          <w:rFonts w:ascii="Arial" w:eastAsia="Times New Roman" w:hAnsi="Arial" w:cs="Arial"/>
          <w:b/>
          <w:bCs/>
          <w:color w:val="000930"/>
          <w:kern w:val="0"/>
          <w:sz w:val="24"/>
          <w:szCs w:val="24"/>
          <w14:ligatures w14:val="none"/>
        </w:rPr>
        <w:t>3.2 Common Gateway Interface (CGI)</w:t>
      </w:r>
    </w:p>
    <w:p w14:paraId="59927905" w14:textId="77777777" w:rsidR="00F74B81" w:rsidRPr="00F74B81" w:rsidRDefault="00F74B81" w:rsidP="00F74B81">
      <w:pPr>
        <w:numPr>
          <w:ilvl w:val="0"/>
          <w:numId w:val="60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rom Wikipedia: "Common Gateway Interface (CGI) is an interface specification that enables web servers to execute an external program, typically to process user requests."</w:t>
      </w:r>
    </w:p>
    <w:p w14:paraId="63399818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b/>
          <w:bCs/>
          <w:i/>
          <w:iCs/>
          <w:color w:val="339966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b/>
          <w:bCs/>
          <w:i/>
          <w:iCs/>
          <w:color w:val="339966"/>
          <w:kern w:val="0"/>
          <w14:ligatures w14:val="none"/>
        </w:rPr>
        <w:t>Example</w:t>
      </w:r>
    </w:p>
    <w:p w14:paraId="338CC469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hyperlink r:id="rId21" w:history="1">
        <w:r w:rsidRPr="00F74B81">
          <w:rPr>
            <w:rFonts w:ascii="Verdana" w:eastAsia="Times New Roman" w:hAnsi="Verdana" w:cs="Times New Roman"/>
            <w:color w:val="0000FF"/>
            <w:kern w:val="0"/>
            <w:u w:val="single"/>
            <w14:ligatures w14:val="none"/>
          </w:rPr>
          <w:t>csciStudent1.py</w:t>
        </w:r>
      </w:hyperlink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:</w:t>
      </w:r>
    </w:p>
    <w:p w14:paraId="3A57B501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#!"c:\python310\python.exe"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from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config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import *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impor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pymysql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import warnings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warnings.filterwarnings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'ignore'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# 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: Support module for Common Gateway Interface (CGI) scripts.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# 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: Traceback manager for CGI scripts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# 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.enabl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: enable trace back feature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impor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impor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.enabl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#   Establish a cursor for MySQL connection.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get_mysql_param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nx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pymysql.connec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user=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['user']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                   password=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['password']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                   host=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['host']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                   # port needed only if it is not the default number, 3306.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                   # port = int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['port'])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                   database=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['database']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                          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cursor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nx.curso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#   Create HTTP response header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"Content-Type: text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ml;charse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utf-8"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#   Create a primitive HTML starter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 ('''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'''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query = '''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SELECT DISTINC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stuId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CONCAT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fnam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, ' ',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lnam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 AS student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   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ac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IFNULL(CONCAT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f.fnam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, ' ',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f.lnam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, 'N/A') AS advisor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FROM student AS s LEFT JOIN faculty AS f ON 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adviso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f.facId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WHERE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majo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 'CSCI'   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'''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ursor.execut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query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# Read data and generate code for a HTML table.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'''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able border='1'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Student Id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Name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Accumulated credits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advisor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'''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"&lt;h3&gt;CSCI student info&lt;/h3&gt;"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for 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tuId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, student, credits, advisor) in cursor: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print("&lt;tr&gt;&lt;td&gt;{}&lt;/td&gt;&lt;td&gt;{}&lt;/td&gt;&lt;td&gt;{}&lt;/td&gt;&lt;td&gt;{}&lt;/td&gt;&lt;/tr&gt;".format(stuId, student, credits, advisor)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ursor.clos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nx.clos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 ('''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table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'''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br/>
        <w:t>The Python program sends the following output to the Web server:</w:t>
      </w:r>
    </w:p>
    <w:p w14:paraId="51C7BE6E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ontent-Type: text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ml;charse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utf-8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able border='1'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Student Id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Name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Accumulated credits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advisor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3&gt;CSCI student info&lt;/h3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100000&lt;/td&gt;&lt;td&gt;Tony Hawk&lt;/td&gt;&lt;td&gt;40&lt;/td&gt;&lt;td&gt;Paul Smith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100001&lt;/td&gt;&lt;td&gt;Mary Hawk&lt;/td&gt;&lt;td&gt;35&lt;/td&gt;&lt;td&gt;Paul Smith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100002&lt;/td&gt;&lt;td&gt;David Hawk&lt;/td&gt;&lt;td&gt;66&lt;/td&gt;&lt;td&gt;Mary Tran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table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html&gt;</w:t>
      </w:r>
    </w:p>
    <w:p w14:paraId="76E15E58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HTTP response by the Web server:</w:t>
      </w:r>
    </w:p>
    <w:p w14:paraId="3EED54BF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Courier New" w:eastAsia="Times New Roman" w:hAnsi="Courier New" w:cs="Courier New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url -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i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http://localhost/.../csciStudent1.py</w:t>
      </w:r>
    </w:p>
    <w:p w14:paraId="31D90A1D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result:</w:t>
      </w:r>
    </w:p>
    <w:p w14:paraId="6E65D57F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TP/1.1 200 OK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Date: Fri, 23 Dec 2022 23:02:35 GM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Server: Apache/2.4.43 (Win64) OpenSSL/1.1.1g PHP/7.4.5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Transfer-Encoding: chunked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Content-Type: text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ml;charse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utf-8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able border='1'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Student Id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Name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Accumulated credits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advisor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3&gt;CSCI student info&lt;/h3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100000&lt;/td&gt;&lt;td&gt;Tony Hawk&lt;/td&gt;&lt;td&gt;40&lt;/td&gt;&lt;td&gt;Paul Smith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100001&lt;/td&gt;&lt;td&gt;Mary Hawk&lt;/td&gt;&lt;td&gt;35&lt;/td&gt;&lt;td&gt;Paul Smith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100002&lt;/td&gt;&lt;td&gt;David Hawk&lt;/td&gt;&lt;td&gt;66&lt;/td&gt;&lt;td&gt;Mary Tran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table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br/>
        <w:t>Output may look like:</w:t>
      </w:r>
    </w:p>
    <w:p w14:paraId="53BC569B" w14:textId="57F03806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noProof/>
          <w:color w:val="000000"/>
          <w:kern w:val="0"/>
          <w14:ligatures w14:val="none"/>
        </w:rPr>
        <w:drawing>
          <wp:inline distT="0" distB="0" distL="0" distR="0" wp14:anchorId="760DAE25" wp14:editId="1AC9DA01">
            <wp:extent cx="5713730" cy="2096135"/>
            <wp:effectExtent l="0" t="0" r="1270" b="0"/>
            <wp:docPr id="1385651098" name="Picture 5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85651098" name="Picture 5" descr="A screenshot of a computer&#10;&#10;AI-generated content may be incorrect.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13730" cy="20961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B5360AE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If you want to use dbconfig.py and dbconfig.ini in the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dcm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server (running IIS), you may need to use the following code that works for Windows IIS.</w:t>
      </w:r>
    </w:p>
    <w:p w14:paraId="48B0F463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hyperlink r:id="rId23" w:history="1">
        <w:r w:rsidRPr="00F74B81">
          <w:rPr>
            <w:rFonts w:ascii="Verdana" w:eastAsia="Times New Roman" w:hAnsi="Verdana" w:cs="Times New Roman"/>
            <w:color w:val="0000FF"/>
            <w:kern w:val="0"/>
            <w:u w:val="single"/>
            <w14:ligatures w14:val="none"/>
          </w:rPr>
          <w:t>dbconfig.py</w:t>
        </w:r>
      </w:hyperlink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:</w:t>
      </w:r>
    </w:p>
    <w:p w14:paraId="479C5980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impor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onfigparse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from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pathli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import Path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#  simplistic</w:t>
      </w:r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and no error handling.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def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get_mysql_</w:t>
      </w:r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param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</w:t>
      </w:r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filename='dbconfig.ini', section='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mysql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'):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    config =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onfigparser.ConfigParser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  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file_pa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 (Path(__file__</w:t>
      </w:r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.parent</w:t>
      </w:r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/ filename</w:t>
      </w:r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.resolve</w:t>
      </w:r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   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onfig.read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file_</w:t>
      </w:r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pa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   </w:t>
      </w:r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return config[section]</w:t>
      </w:r>
    </w:p>
    <w:p w14:paraId="54224DAE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This is needed because the relative filename in Python script in IIS Web server in DCM is not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relative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to the script directory.</w:t>
      </w:r>
    </w:p>
    <w:p w14:paraId="430ADF4E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dbconfig.ini for HW assignment hosted in the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dcm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server:</w:t>
      </w:r>
    </w:p>
    <w:p w14:paraId="13259E09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Courier New" w:eastAsia="Times New Roman" w:hAnsi="Courier New" w:cs="Courier New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[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mysql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]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host = localhos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database = swim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user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gues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assword = &lt;to be distributed in the class&gt;</w:t>
      </w:r>
    </w:p>
    <w:p w14:paraId="252C8BEC" w14:textId="77777777" w:rsidR="00F74B81" w:rsidRPr="00F74B81" w:rsidRDefault="00F74B81" w:rsidP="00F74B81">
      <w:pPr>
        <w:numPr>
          <w:ilvl w:val="0"/>
          <w:numId w:val="6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HTTP provides various methods for the user agents to submit data to the Web servers.</w:t>
      </w:r>
    </w:p>
    <w:p w14:paraId="3900AF9B" w14:textId="77777777" w:rsidR="00F74B81" w:rsidRPr="00F74B81" w:rsidRDefault="00F74B81" w:rsidP="00F74B81">
      <w:pPr>
        <w:numPr>
          <w:ilvl w:val="0"/>
          <w:numId w:val="6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Data are submitted as name-value paired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parameters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.</w:t>
      </w:r>
    </w:p>
    <w:p w14:paraId="6A5DA319" w14:textId="77777777" w:rsidR="00F74B81" w:rsidRPr="00F74B81" w:rsidRDefault="00F74B81" w:rsidP="00F74B81">
      <w:pPr>
        <w:numPr>
          <w:ilvl w:val="0"/>
          <w:numId w:val="6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main ones are GET and POST:</w:t>
      </w:r>
    </w:p>
    <w:p w14:paraId="2546F576" w14:textId="77777777" w:rsidR="00F74B81" w:rsidRPr="00F74B81" w:rsidRDefault="00F74B81" w:rsidP="00F74B81">
      <w:pPr>
        <w:numPr>
          <w:ilvl w:val="0"/>
          <w:numId w:val="6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GET:</w:t>
      </w:r>
    </w:p>
    <w:p w14:paraId="2E43819E" w14:textId="77777777" w:rsidR="00F74B81" w:rsidRPr="00F74B81" w:rsidRDefault="00F74B81" w:rsidP="00F74B81">
      <w:pPr>
        <w:numPr>
          <w:ilvl w:val="1"/>
          <w:numId w:val="6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parameters are a part of the URL after '?', known as the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query string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.</w:t>
      </w:r>
    </w:p>
    <w:p w14:paraId="6ED04464" w14:textId="77777777" w:rsidR="00F74B81" w:rsidRPr="00F74B81" w:rsidRDefault="00F74B81" w:rsidP="00F74B81">
      <w:pPr>
        <w:numPr>
          <w:ilvl w:val="1"/>
          <w:numId w:val="6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HTTP request body is empty.</w:t>
      </w:r>
    </w:p>
    <w:p w14:paraId="46DCA0CC" w14:textId="77777777" w:rsidR="00F74B81" w:rsidRPr="00F74B81" w:rsidRDefault="00F74B81" w:rsidP="00F74B81">
      <w:pPr>
        <w:numPr>
          <w:ilvl w:val="0"/>
          <w:numId w:val="6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POST:</w:t>
      </w:r>
    </w:p>
    <w:p w14:paraId="19117E50" w14:textId="77777777" w:rsidR="00F74B81" w:rsidRPr="00F74B81" w:rsidRDefault="00F74B81" w:rsidP="00F74B81">
      <w:pPr>
        <w:numPr>
          <w:ilvl w:val="1"/>
          <w:numId w:val="6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parameters are not a part of the URL.</w:t>
      </w:r>
    </w:p>
    <w:p w14:paraId="4F27927C" w14:textId="77777777" w:rsidR="00F74B81" w:rsidRPr="00F74B81" w:rsidRDefault="00F74B81" w:rsidP="00F74B81">
      <w:pPr>
        <w:numPr>
          <w:ilvl w:val="1"/>
          <w:numId w:val="6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HTTP request body stores the parameters.</w:t>
      </w:r>
    </w:p>
    <w:p w14:paraId="3C2B8D91" w14:textId="77777777" w:rsidR="00F74B81" w:rsidRPr="00F74B81" w:rsidRDefault="00F74B81" w:rsidP="00F74B81">
      <w:pPr>
        <w:numPr>
          <w:ilvl w:val="0"/>
          <w:numId w:val="61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In Python CGI module, no matter whether GET or POST are used, HTTP parameters can be obtained through the dictionary </w:t>
      </w:r>
      <w:proofErr w:type="spellStart"/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cgi.FieldStorage</w:t>
      </w:r>
      <w:proofErr w:type="spellEnd"/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().</w:t>
      </w:r>
    </w:p>
    <w:p w14:paraId="6DE2CA71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b/>
          <w:bCs/>
          <w:i/>
          <w:iCs/>
          <w:color w:val="339966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b/>
          <w:bCs/>
          <w:i/>
          <w:iCs/>
          <w:color w:val="339966"/>
          <w:kern w:val="0"/>
          <w14:ligatures w14:val="none"/>
        </w:rPr>
        <w:t>Example:</w:t>
      </w:r>
    </w:p>
    <w:p w14:paraId="307D37EE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hyperlink r:id="rId24" w:history="1">
        <w:r w:rsidRPr="00F74B81">
          <w:rPr>
            <w:rFonts w:ascii="Verdana" w:eastAsia="Times New Roman" w:hAnsi="Verdana" w:cs="Times New Roman"/>
            <w:color w:val="0000FF"/>
            <w:kern w:val="0"/>
            <w:u w:val="single"/>
            <w14:ligatures w14:val="none"/>
          </w:rPr>
          <w:t>cgi1.py</w:t>
        </w:r>
      </w:hyperlink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:</w:t>
      </w:r>
    </w:p>
    <w:p w14:paraId="4ED76812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#!"c:\python310\python.exe"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impor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impor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.enabl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"Content-Type: text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ml;charse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utf-8"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 ('''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'''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form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.FieldStorag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if "name" not in form or "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add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" not in form: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print("&lt;H1&gt;Error&lt;/H1&gt;"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    print("Please fill in the name and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add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fields."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quit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"&lt;p&gt;name:", form["name"].value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"&lt;p&g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add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:", form["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add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"].value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 ('''&lt;/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''')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br/>
        <w:t> </w:t>
      </w:r>
    </w:p>
    <w:p w14:paraId="38C066BC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or: http://localhost/.../cgi1.py</w:t>
      </w:r>
    </w:p>
    <w:p w14:paraId="48321F3A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or</w:t>
      </w:r>
    </w:p>
    <w:p w14:paraId="45E4C13F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http://localhost/.../cgi1.py?name=Yue</w:t>
      </w:r>
    </w:p>
    <w:p w14:paraId="73D66B2B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or</w:t>
      </w:r>
    </w:p>
    <w:p w14:paraId="03DA564C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http://localhost/.../cgi1.py?Addr=UHCL</w:t>
      </w:r>
    </w:p>
    <w:p w14:paraId="6A2D56E2" w14:textId="1CF039A3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noProof/>
          <w:color w:val="000000"/>
          <w:kern w:val="0"/>
          <w14:ligatures w14:val="none"/>
        </w:rPr>
        <w:drawing>
          <wp:inline distT="0" distB="0" distL="0" distR="0" wp14:anchorId="05DEB822" wp14:editId="0B2B733A">
            <wp:extent cx="5001895" cy="1649095"/>
            <wp:effectExtent l="0" t="0" r="8255" b="8255"/>
            <wp:docPr id="263865188" name="Picture 4" descr="cgi1_output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gi1_output1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01895" cy="16490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86AFB8F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data sent by the program to the Web server:</w:t>
      </w:r>
    </w:p>
    <w:p w14:paraId="6B418685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ontent-Type: text/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ml;charset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utf-8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1&gt;Error&lt;/H1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Please fill in the name and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add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fields.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 </w:t>
      </w:r>
    </w:p>
    <w:p w14:paraId="4BD299E5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or: http://localhost/.../cgi1.py?name=Bun&amp;addr=UHCL:</w:t>
      </w:r>
    </w:p>
    <w:p w14:paraId="6966D083" w14:textId="240ACCA4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noProof/>
          <w:color w:val="000000"/>
          <w:kern w:val="0"/>
          <w14:ligatures w14:val="none"/>
        </w:rPr>
        <w:drawing>
          <wp:inline distT="0" distB="0" distL="0" distR="0" wp14:anchorId="4C4A990A" wp14:editId="2D6558C2">
            <wp:extent cx="5181600" cy="1761490"/>
            <wp:effectExtent l="0" t="0" r="0" b="0"/>
            <wp:docPr id="246939212" name="Picture 3" descr="c1o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1o2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1600" cy="17614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85A2821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data sent by the program to the Web server:</w:t>
      </w:r>
    </w:p>
    <w:p w14:paraId="25C23B1A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Courier New" w:eastAsia="Times New Roman" w:hAnsi="Courier New" w:cs="Courier New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ontent-Type: text/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ml;charset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utf-8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p&gt;name: Yue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p&g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add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: UHCL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html&gt;</w:t>
      </w:r>
    </w:p>
    <w:p w14:paraId="2762285E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actual HTTP Response sent by the Web Server may be:</w:t>
      </w:r>
    </w:p>
    <w:p w14:paraId="7BB36268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TP/1.1 200 OK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Connection: Keep-Alive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Content-Type: text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ml;charse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utf-8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Date: Thu, 13 Aug 2015 15:45:23 GM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Keep-Alive: timeout=5, max=100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Server: Apache/2.2.21 (Win32)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mod_ssl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/2.2.21 OpenSSL/1.0.0e PHP/5.3.8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mod_perl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/2.0.4 Perl/v5.10.1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Transfer-Encoding: chunked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p&gt;name: Yue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p&g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add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: UHCL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html&gt;</w:t>
      </w:r>
    </w:p>
    <w:p w14:paraId="2BD31BD4" w14:textId="77777777" w:rsidR="00F74B81" w:rsidRPr="00F74B81" w:rsidRDefault="00F74B81" w:rsidP="00F74B81">
      <w:pPr>
        <w:numPr>
          <w:ilvl w:val="0"/>
          <w:numId w:val="62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ieldStorage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provides other useful utilities. For example:</w:t>
      </w:r>
    </w:p>
    <w:p w14:paraId="5CDF6B28" w14:textId="77777777" w:rsidR="00F74B81" w:rsidRPr="00F74B81" w:rsidRDefault="00F74B81" w:rsidP="00F74B81">
      <w:pPr>
        <w:numPr>
          <w:ilvl w:val="1"/>
          <w:numId w:val="62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proofErr w:type="spellStart"/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getfirst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(</w:t>
      </w:r>
      <w:r w:rsidRPr="00F74B81">
        <w:rPr>
          <w:rFonts w:ascii="Verdana" w:eastAsia="Times New Roman" w:hAnsi="Verdana" w:cs="Times New Roman"/>
          <w:i/>
          <w:iCs/>
          <w:color w:val="000000"/>
          <w:kern w:val="0"/>
          <w14:ligatures w14:val="none"/>
        </w:rPr>
        <w:t>name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[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, </w:t>
      </w:r>
      <w:r w:rsidRPr="00F74B81">
        <w:rPr>
          <w:rFonts w:ascii="Verdana" w:eastAsia="Times New Roman" w:hAnsi="Verdana" w:cs="Times New Roman"/>
          <w:i/>
          <w:iCs/>
          <w:color w:val="000000"/>
          <w:kern w:val="0"/>
          <w14:ligatures w14:val="none"/>
        </w:rPr>
        <w:t>default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]): get the first value of a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multi-valued 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parameter.</w:t>
      </w:r>
    </w:p>
    <w:p w14:paraId="021EC0E4" w14:textId="77777777" w:rsidR="00F74B81" w:rsidRPr="00F74B81" w:rsidRDefault="00F74B81" w:rsidP="00F74B81">
      <w:pPr>
        <w:numPr>
          <w:ilvl w:val="1"/>
          <w:numId w:val="62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getlist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(</w:t>
      </w:r>
      <w:r w:rsidRPr="00F74B81">
        <w:rPr>
          <w:rFonts w:ascii="Verdana" w:eastAsia="Times New Roman" w:hAnsi="Verdana" w:cs="Times New Roman"/>
          <w:i/>
          <w:iCs/>
          <w:color w:val="000000"/>
          <w:kern w:val="0"/>
          <w14:ligatures w14:val="none"/>
        </w:rPr>
        <w:t>name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): get the entire list of values of a parameter.</w:t>
      </w:r>
    </w:p>
    <w:p w14:paraId="70DA98C2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14:ligatures w14:val="none"/>
        </w:rPr>
      </w:pPr>
      <w:r w:rsidRPr="00F74B81">
        <w:rPr>
          <w:rFonts w:ascii="Arial" w:eastAsia="Times New Roman" w:hAnsi="Arial" w:cs="Arial"/>
          <w:b/>
          <w:bCs/>
          <w:color w:val="000900"/>
          <w:kern w:val="0"/>
          <w:sz w:val="26"/>
          <w:szCs w:val="26"/>
          <w14:ligatures w14:val="none"/>
        </w:rPr>
        <w:t>4. Basic steps in Web DB development</w:t>
      </w:r>
    </w:p>
    <w:p w14:paraId="0D233195" w14:textId="77777777" w:rsidR="00F74B81" w:rsidRPr="00F74B81" w:rsidRDefault="00F74B81" w:rsidP="00F74B81">
      <w:pPr>
        <w:numPr>
          <w:ilvl w:val="0"/>
          <w:numId w:val="63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Identify the input parameters.</w:t>
      </w:r>
    </w:p>
    <w:p w14:paraId="1A31E94A" w14:textId="77777777" w:rsidR="00F74B81" w:rsidRPr="00F74B81" w:rsidRDefault="00F74B81" w:rsidP="00F74B81">
      <w:pPr>
        <w:numPr>
          <w:ilvl w:val="0"/>
          <w:numId w:val="63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Develop the desirable Web page for typical input parameters.</w:t>
      </w:r>
    </w:p>
    <w:p w14:paraId="07CF6C4A" w14:textId="77777777" w:rsidR="00F74B81" w:rsidRPr="00F74B81" w:rsidRDefault="00F74B81" w:rsidP="00F74B81">
      <w:pPr>
        <w:numPr>
          <w:ilvl w:val="0"/>
          <w:numId w:val="63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Analyze the code of (2) and identify which parts are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constants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and which parts (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dynamic data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) should be generated from database.</w:t>
      </w:r>
    </w:p>
    <w:p w14:paraId="3B7A1366" w14:textId="77777777" w:rsidR="00F74B81" w:rsidRPr="00F74B81" w:rsidRDefault="00F74B81" w:rsidP="00F74B81">
      <w:pPr>
        <w:numPr>
          <w:ilvl w:val="0"/>
          <w:numId w:val="63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Construct and test the SQL statements to fetch the dynamic data.</w:t>
      </w:r>
    </w:p>
    <w:p w14:paraId="5546F297" w14:textId="77777777" w:rsidR="00F74B81" w:rsidRPr="00F74B81" w:rsidRDefault="00F74B81" w:rsidP="00F74B81">
      <w:pPr>
        <w:numPr>
          <w:ilvl w:val="0"/>
          <w:numId w:val="63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Write the Python code for (3) accordingly.</w:t>
      </w:r>
    </w:p>
    <w:p w14:paraId="1DD57016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b/>
          <w:bCs/>
          <w:i/>
          <w:iCs/>
          <w:color w:val="339966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b/>
          <w:bCs/>
          <w:i/>
          <w:iCs/>
          <w:color w:val="339966"/>
          <w:kern w:val="0"/>
          <w14:ligatures w14:val="none"/>
        </w:rPr>
        <w:t>Example:</w:t>
      </w:r>
    </w:p>
    <w:p w14:paraId="2039BEAE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Write a Python CGI program, toyu1.py, to accept a HTTP Get parameter </w:t>
      </w:r>
      <w:r w:rsidRPr="00F74B81">
        <w:rPr>
          <w:rFonts w:ascii="Verdana" w:eastAsia="Times New Roman" w:hAnsi="Verdana" w:cs="Times New Roman"/>
          <w:i/>
          <w:iCs/>
          <w:color w:val="000000"/>
          <w:kern w:val="0"/>
          <w14:ligatures w14:val="none"/>
        </w:rPr>
        <w:t>major 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and display the students majoring in </w:t>
      </w:r>
      <w:r w:rsidRPr="00F74B81">
        <w:rPr>
          <w:rFonts w:ascii="Verdana" w:eastAsia="Times New Roman" w:hAnsi="Verdana" w:cs="Times New Roman"/>
          <w:i/>
          <w:iCs/>
          <w:color w:val="000000"/>
          <w:kern w:val="0"/>
          <w14:ligatures w14:val="none"/>
        </w:rPr>
        <w:t>major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 and their number of enrolled courses.</w:t>
      </w:r>
    </w:p>
    <w:p w14:paraId="6254E603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or example, for http://.../toyu1.py?major=CSCI:</w:t>
      </w:r>
    </w:p>
    <w:p w14:paraId="6E08E1E5" w14:textId="1A77C1D2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noProof/>
          <w:color w:val="000000"/>
          <w:kern w:val="0"/>
          <w14:ligatures w14:val="none"/>
        </w:rPr>
        <w:drawing>
          <wp:inline distT="0" distB="0" distL="0" distR="0" wp14:anchorId="64DDE04F" wp14:editId="4F30B40A">
            <wp:extent cx="6800850" cy="2296160"/>
            <wp:effectExtent l="0" t="0" r="0" b="8890"/>
            <wp:docPr id="1776086731" name="Picture 2" descr="toyu_web_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toyu_web_1"/>
                    <pic:cNvPicPr>
                      <a:picLocks noChangeAspect="1" noChangeArrowheads="1"/>
                    </pic:cNvPicPr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00850" cy="22961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5CF021A" w14:textId="4CBF7E0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noProof/>
          <w:color w:val="000000"/>
          <w:kern w:val="0"/>
          <w14:ligatures w14:val="none"/>
        </w:rPr>
        <w:drawing>
          <wp:inline distT="0" distB="0" distL="0" distR="0" wp14:anchorId="2EF32213" wp14:editId="6953BE7C">
            <wp:extent cx="6638290" cy="1791335"/>
            <wp:effectExtent l="0" t="0" r="0" b="0"/>
            <wp:docPr id="477772623" name="Picture 1" descr="web_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web_2"/>
                    <pic:cNvPicPr>
                      <a:picLocks noChangeAspect="1" noChangeArrowheads="1"/>
                    </pic:cNvPicPr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38290" cy="17913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1909FA6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re is no need for error checking of the user input parameter </w:t>
      </w:r>
      <w:r w:rsidRPr="00F74B81">
        <w:rPr>
          <w:rFonts w:ascii="Verdana" w:eastAsia="Times New Roman" w:hAnsi="Verdana" w:cs="Times New Roman"/>
          <w:i/>
          <w:iCs/>
          <w:color w:val="000000"/>
          <w:kern w:val="0"/>
          <w14:ligatures w14:val="none"/>
        </w:rPr>
        <w:t>major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. A skeleton for toyu1.py is provided for you.</w:t>
      </w:r>
    </w:p>
    <w:p w14:paraId="344974FA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b/>
          <w:bCs/>
          <w:color w:val="000000"/>
          <w:kern w:val="0"/>
          <w14:ligatures w14:val="none"/>
        </w:rPr>
        <w:t>Solution:</w:t>
      </w:r>
    </w:p>
    <w:p w14:paraId="01197437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[1] Identify the input parameters with typical values.</w:t>
      </w:r>
    </w:p>
    <w:p w14:paraId="488C09D8" w14:textId="77777777" w:rsidR="00F74B81" w:rsidRPr="00F74B81" w:rsidRDefault="00F74B81" w:rsidP="00F74B81">
      <w:pPr>
        <w:numPr>
          <w:ilvl w:val="0"/>
          <w:numId w:val="64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major: typical values: 'CSCI' and 'ITEC'.</w:t>
      </w:r>
    </w:p>
    <w:p w14:paraId="3F626F39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[2] Develop the desirable Web pages for typical input parameters.</w:t>
      </w:r>
    </w:p>
    <w:p w14:paraId="3E51B526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or CSCI:</w:t>
      </w:r>
    </w:p>
    <w:p w14:paraId="5F9F4BAB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p&gt;Students and their numbers of classes enrolled in the major CSCI:&lt;/p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able border='1'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Student Name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Number of classes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David Hawk&lt;/td&gt;&lt;td&gt;3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Mary Hawk&lt;/td&gt;&lt;td&gt;2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Tony Hawk&lt;/td&gt;&lt;td&gt;6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 </w:t>
      </w:r>
    </w:p>
    <w:p w14:paraId="7D26C94B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or ITEC: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br/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p&gt;Students and their numbers of classes enrolled in the major ITEC:&lt;/p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able border='1'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Student Name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Number of classes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Larry Johnson&lt;/td&gt;&lt;td&gt;2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Catherine Lim&lt;/td&gt;&lt;td&gt;0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html&gt;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br/>
        <w:t> </w:t>
      </w:r>
    </w:p>
    <w:p w14:paraId="54052AD8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[3] Identify dynamic data: Analyze the code of (2) and identify which parts are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constants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and which parts (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dynamic data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) should be generated from database.</w:t>
      </w:r>
    </w:p>
    <w:p w14:paraId="6549902F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or CSCI:</w:t>
      </w:r>
    </w:p>
    <w:p w14:paraId="522D549B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p&gt;Students and their numbers of classes enrolled in the major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CSCI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:&lt;/p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able border='1'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Student Name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Number of classes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David Hawk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/td&gt;&lt;td&gt;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3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Mary Hawk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/td&gt;&lt;td&gt;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2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Tony Hawk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/td&gt;&lt;td&gt;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6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 </w:t>
      </w:r>
    </w:p>
    <w:p w14:paraId="3013AFFA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or ITEC:</w:t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br/>
      </w: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p&gt;Students and their numbers of classes enrolled in the major 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ITEC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:&lt;/p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able border='1'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Student Name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Number of classes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Larry Johnson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/td&gt;&lt;td&gt;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2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td&gt;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Catherine Lim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/td&gt;&lt;td&gt;</w:t>
      </w:r>
      <w:r w:rsidRPr="00F74B81">
        <w:rPr>
          <w:rFonts w:ascii="Verdana" w:eastAsia="Times New Roman" w:hAnsi="Verdana" w:cs="Times New Roman"/>
          <w:i/>
          <w:iCs/>
          <w:color w:val="FF3333"/>
          <w:kern w:val="0"/>
          <w14:ligatures w14:val="none"/>
        </w:rPr>
        <w:t>0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lt;/td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html&gt;</w:t>
      </w:r>
    </w:p>
    <w:p w14:paraId="7E52D259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Dynamic Data:</w:t>
      </w:r>
    </w:p>
    <w:p w14:paraId="4A5C99F1" w14:textId="77777777" w:rsidR="00F74B81" w:rsidRPr="00F74B81" w:rsidRDefault="00F74B81" w:rsidP="00F74B81">
      <w:pPr>
        <w:numPr>
          <w:ilvl w:val="0"/>
          <w:numId w:val="65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For each student, </w:t>
      </w:r>
      <w:proofErr w:type="spellStart"/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student.lname</w:t>
      </w:r>
      <w:proofErr w:type="spellEnd"/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, </w:t>
      </w:r>
      <w:proofErr w:type="spellStart"/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student.fname</w:t>
      </w:r>
      <w:proofErr w:type="spellEnd"/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, count of </w:t>
      </w:r>
      <w:proofErr w:type="spell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classId</w:t>
      </w:r>
      <w:proofErr w:type="spell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in the enroll table of the student.</w:t>
      </w:r>
    </w:p>
    <w:p w14:paraId="5D8A84E5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[4] Construct and test the SQL to fetch the dynamic data.</w:t>
      </w:r>
    </w:p>
    <w:p w14:paraId="261936EF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or CSCI:</w:t>
      </w:r>
    </w:p>
    <w:p w14:paraId="305D3E53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Courier New" w:eastAsia="Times New Roman" w:hAnsi="Courier New" w:cs="Courier New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SELECT </w:t>
      </w:r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ONCAT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fName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, ' ',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lName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 AS student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 COUNT(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e.classId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) as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num_classes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FROM student AS s LEFT JOIN enroll AS e ON (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stuId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e.stuId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WHERE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major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 </w:t>
      </w:r>
      <w:r w:rsidRPr="00F74B81">
        <w:rPr>
          <w:rFonts w:ascii="Courier New" w:eastAsia="Times New Roman" w:hAnsi="Courier New" w:cs="Courier New"/>
          <w:i/>
          <w:iCs/>
          <w:color w:val="FF3333"/>
          <w:kern w:val="0"/>
          <w14:ligatures w14:val="none"/>
        </w:rPr>
        <w:t>'CSCI'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GROUP BY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stuId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, studen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ORDER BY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lName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,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fName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;</w:t>
      </w:r>
    </w:p>
    <w:p w14:paraId="042CC548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for ITEC:</w:t>
      </w:r>
    </w:p>
    <w:p w14:paraId="44990770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Courier New" w:eastAsia="Times New Roman" w:hAnsi="Courier New" w:cs="Courier New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SELECT </w:t>
      </w:r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ONCAT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fName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, ' ',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lName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 AS student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 COUNT(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e.classId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) as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num_classes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FROM student AS s LEFT JOIN enroll AS e ON (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stuId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e.stuId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WHERE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major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 </w:t>
      </w:r>
      <w:r w:rsidRPr="00F74B81">
        <w:rPr>
          <w:rFonts w:ascii="Courier New" w:eastAsia="Times New Roman" w:hAnsi="Courier New" w:cs="Courier New"/>
          <w:i/>
          <w:iCs/>
          <w:color w:val="FF3333"/>
          <w:kern w:val="0"/>
          <w14:ligatures w14:val="none"/>
        </w:rPr>
        <w:t>'ITEC'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GROUP BY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stuId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, studen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ORDER BY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lName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, </w:t>
      </w:r>
      <w:proofErr w:type="spellStart"/>
      <w:proofErr w:type="gram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fName</w:t>
      </w:r>
      <w:proofErr w:type="spellEnd"/>
      <w:proofErr w:type="gram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;</w:t>
      </w:r>
    </w:p>
    <w:p w14:paraId="3DBF3AF0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The typical input will be replaced by a parameter in the Python/SQL code.</w:t>
      </w:r>
    </w:p>
    <w:p w14:paraId="6C44EE90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[5] Write the Python code for (3) accordingly.</w:t>
      </w:r>
    </w:p>
    <w:p w14:paraId="2B81014D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hyperlink r:id="rId29" w:history="1">
        <w:r w:rsidRPr="00F74B81">
          <w:rPr>
            <w:rFonts w:ascii="Verdana" w:eastAsia="Times New Roman" w:hAnsi="Verdana" w:cs="Times New Roman"/>
            <w:color w:val="0000FF"/>
            <w:kern w:val="0"/>
            <w:u w:val="single"/>
            <w14:ligatures w14:val="none"/>
          </w:rPr>
          <w:t>toyu1.py</w:t>
        </w:r>
      </w:hyperlink>
    </w:p>
    <w:p w14:paraId="0F1BAB89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#!"c:\python310\python.exe"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from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config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import *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impor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pymysql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impor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import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tb.enabl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"Content-Type: text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html;charse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=utf-8"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 ('''&lt;html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head&gt;&lt;/head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'''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# 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get_mysql_param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nx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pymysql.connec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user=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['user']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   password=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['password']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   host=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['host']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   # port needed only if it is not the default number, 3306.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   # port = int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['port'])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   database=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db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['database']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cursor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nx.curso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form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gi.FieldStorag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major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form.getfirs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'major'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if major is None: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print ('Please enter a valid major code in the URL.'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print ('&lt;/body&gt;&lt;/html&gt;'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quit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query = '''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SELECT CONCAT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fNam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, ' ',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lNam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 AS student,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COUNT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e.classId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) as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num_classes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FROM student AS s LEFT JOIN enroll AS e ON (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stuId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e.stuId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WHERE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major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= %s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GROUP BY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stuId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, student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ORDER BY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lNam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,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.fNam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'''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ursor.execut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query,(major,)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row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ursor.fetchon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if row is None: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    print ('Sorry, no major with code {}. Please enter a valid major code in the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URL.'.format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major)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print ('&lt;/body&gt;&lt;/html&gt;'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quit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('''&lt;p&g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Studnts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 xml:space="preserve"> and their numbers of classes enrolled in the major {}:&lt;/p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able border='1'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tr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Student Name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Number of classes&lt;/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th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&gt;&lt;/tr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'''.format(major)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while row is not None: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(student, count) = row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    print("&lt;tr&gt;&lt;td&gt;{}&lt;/td&gt;&lt;td&gt;{}&lt;/td&gt;&lt;/tr&gt;".format(student, count)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 xml:space="preserve">    row = </w:t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ursor.fetchon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ursor.clos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proofErr w:type="spellStart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cnx.close</w:t>
      </w:r>
      <w:proofErr w:type="spellEnd"/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t>()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print ('''&lt;/body&gt;</w:t>
      </w:r>
      <w:r w:rsidRPr="00F74B81">
        <w:rPr>
          <w:rFonts w:ascii="Courier New" w:eastAsia="Times New Roman" w:hAnsi="Courier New" w:cs="Courier New"/>
          <w:color w:val="000000"/>
          <w:kern w:val="0"/>
          <w14:ligatures w14:val="none"/>
        </w:rPr>
        <w:br/>
        <w:t>&lt;/html&gt;''')</w:t>
      </w:r>
    </w:p>
    <w:p w14:paraId="339061F7" w14:textId="77777777" w:rsidR="00F74B81" w:rsidRPr="00F74B81" w:rsidRDefault="00F74B81" w:rsidP="00F74B81">
      <w:p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b/>
          <w:bCs/>
          <w:color w:val="000000"/>
          <w:kern w:val="0"/>
          <w14:ligatures w14:val="none"/>
        </w:rPr>
        <w:t>Some hints for debugging</w:t>
      </w:r>
    </w:p>
    <w:p w14:paraId="450B073D" w14:textId="77777777" w:rsidR="00F74B81" w:rsidRPr="00F74B81" w:rsidRDefault="00F74B81" w:rsidP="00F74B81">
      <w:pPr>
        <w:numPr>
          <w:ilvl w:val="0"/>
          <w:numId w:val="66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Run the Python program as a standalone program to ensure no syntax error.</w:t>
      </w:r>
    </w:p>
    <w:p w14:paraId="53218613" w14:textId="77777777" w:rsidR="00F74B81" w:rsidRPr="00F74B81" w:rsidRDefault="00F74B81" w:rsidP="00F74B81">
      <w:pPr>
        <w:numPr>
          <w:ilvl w:val="0"/>
          <w:numId w:val="66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For runtime errors, check to see whether the HTTP header has </w:t>
      </w:r>
      <w:proofErr w:type="gramStart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sent</w:t>
      </w:r>
      <w:proofErr w:type="gramEnd"/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 xml:space="preserve"> to the Web server by the Python program properly.</w:t>
      </w:r>
    </w:p>
    <w:p w14:paraId="48217BB7" w14:textId="77777777" w:rsidR="00F74B81" w:rsidRPr="00F74B81" w:rsidRDefault="00F74B81" w:rsidP="00F74B81">
      <w:pPr>
        <w:numPr>
          <w:ilvl w:val="0"/>
          <w:numId w:val="66"/>
        </w:numPr>
        <w:spacing w:before="100" w:beforeAutospacing="1" w:after="100" w:afterAutospacing="1" w:line="240" w:lineRule="auto"/>
        <w:rPr>
          <w:rFonts w:ascii="Verdana" w:eastAsia="Times New Roman" w:hAnsi="Verdana" w:cs="Times New Roman"/>
          <w:color w:val="000000"/>
          <w:kern w:val="0"/>
          <w14:ligatures w14:val="none"/>
        </w:rPr>
      </w:pPr>
      <w:r w:rsidRPr="00F74B81">
        <w:rPr>
          <w:rFonts w:ascii="Verdana" w:eastAsia="Times New Roman" w:hAnsi="Verdana" w:cs="Times New Roman"/>
          <w:color w:val="000000"/>
          <w:kern w:val="0"/>
          <w14:ligatures w14:val="none"/>
        </w:rPr>
        <w:t>Use log files provided by Apache.</w:t>
      </w:r>
    </w:p>
    <w:p w14:paraId="12CC10E4" w14:textId="4793FC23" w:rsidR="0021243A" w:rsidRPr="00454B86" w:rsidRDefault="0021243A" w:rsidP="00F74B81"/>
    <w:sectPr w:rsidR="0021243A" w:rsidRPr="00454B86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AA33DD5"/>
    <w:multiLevelType w:val="hybridMultilevel"/>
    <w:tmpl w:val="209ECFCE"/>
    <w:lvl w:ilvl="0" w:tplc="1214F16A">
      <w:numFmt w:val="bullet"/>
      <w:lvlText w:val=""/>
      <w:lvlJc w:val="left"/>
      <w:pPr>
        <w:ind w:left="720" w:hanging="360"/>
      </w:pPr>
      <w:rPr>
        <w:rFonts w:ascii="Wingdings" w:eastAsia="Times New Roman" w:hAnsi="Wingding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E0D3314"/>
    <w:multiLevelType w:val="multilevel"/>
    <w:tmpl w:val="7B2E348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0E532842"/>
    <w:multiLevelType w:val="multilevel"/>
    <w:tmpl w:val="5CD6FC2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11466E1B"/>
    <w:multiLevelType w:val="multilevel"/>
    <w:tmpl w:val="99B88C2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 w15:restartNumberingAfterBreak="0">
    <w:nsid w:val="1511695C"/>
    <w:multiLevelType w:val="multilevel"/>
    <w:tmpl w:val="711CD7B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 w15:restartNumberingAfterBreak="0">
    <w:nsid w:val="15243410"/>
    <w:multiLevelType w:val="multilevel"/>
    <w:tmpl w:val="EE12B68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6" w15:restartNumberingAfterBreak="0">
    <w:nsid w:val="16660F02"/>
    <w:multiLevelType w:val="multilevel"/>
    <w:tmpl w:val="DDB639B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7" w15:restartNumberingAfterBreak="0">
    <w:nsid w:val="19B9005E"/>
    <w:multiLevelType w:val="multilevel"/>
    <w:tmpl w:val="97922F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8" w15:restartNumberingAfterBreak="0">
    <w:nsid w:val="1CB75D1C"/>
    <w:multiLevelType w:val="multilevel"/>
    <w:tmpl w:val="6A1E824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9" w15:restartNumberingAfterBreak="0">
    <w:nsid w:val="1CC30CA5"/>
    <w:multiLevelType w:val="multilevel"/>
    <w:tmpl w:val="A49213E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0" w15:restartNumberingAfterBreak="0">
    <w:nsid w:val="1EFC672A"/>
    <w:multiLevelType w:val="multilevel"/>
    <w:tmpl w:val="0F22C84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1" w15:restartNumberingAfterBreak="0">
    <w:nsid w:val="1F8726F9"/>
    <w:multiLevelType w:val="multilevel"/>
    <w:tmpl w:val="A7DC493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2" w15:restartNumberingAfterBreak="0">
    <w:nsid w:val="20261167"/>
    <w:multiLevelType w:val="multilevel"/>
    <w:tmpl w:val="A3FEC10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3" w15:restartNumberingAfterBreak="0">
    <w:nsid w:val="206031E4"/>
    <w:multiLevelType w:val="multilevel"/>
    <w:tmpl w:val="5CC2D63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4" w15:restartNumberingAfterBreak="0">
    <w:nsid w:val="29F54DE9"/>
    <w:multiLevelType w:val="multilevel"/>
    <w:tmpl w:val="50181E6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5" w15:restartNumberingAfterBreak="0">
    <w:nsid w:val="2C284146"/>
    <w:multiLevelType w:val="multilevel"/>
    <w:tmpl w:val="BA722F6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6" w15:restartNumberingAfterBreak="0">
    <w:nsid w:val="2D2A59F0"/>
    <w:multiLevelType w:val="multilevel"/>
    <w:tmpl w:val="2500DB5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7" w15:restartNumberingAfterBreak="0">
    <w:nsid w:val="2DBB2CC8"/>
    <w:multiLevelType w:val="multilevel"/>
    <w:tmpl w:val="69F665F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8" w15:restartNumberingAfterBreak="0">
    <w:nsid w:val="306D7B32"/>
    <w:multiLevelType w:val="multilevel"/>
    <w:tmpl w:val="1E644C9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9" w15:restartNumberingAfterBreak="0">
    <w:nsid w:val="307E1EE5"/>
    <w:multiLevelType w:val="multilevel"/>
    <w:tmpl w:val="CE46056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0" w15:restartNumberingAfterBreak="0">
    <w:nsid w:val="317C2CEB"/>
    <w:multiLevelType w:val="multilevel"/>
    <w:tmpl w:val="BCDCF74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1" w15:restartNumberingAfterBreak="0">
    <w:nsid w:val="34B41052"/>
    <w:multiLevelType w:val="hybridMultilevel"/>
    <w:tmpl w:val="BEE03C5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370C7EAC"/>
    <w:multiLevelType w:val="multilevel"/>
    <w:tmpl w:val="D0E4336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3" w15:restartNumberingAfterBreak="0">
    <w:nsid w:val="390D7176"/>
    <w:multiLevelType w:val="multilevel"/>
    <w:tmpl w:val="24A8B7D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4" w15:restartNumberingAfterBreak="0">
    <w:nsid w:val="39A23DD3"/>
    <w:multiLevelType w:val="multilevel"/>
    <w:tmpl w:val="13C6E84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5" w15:restartNumberingAfterBreak="0">
    <w:nsid w:val="39CB6A26"/>
    <w:multiLevelType w:val="multilevel"/>
    <w:tmpl w:val="F388367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6" w15:restartNumberingAfterBreak="0">
    <w:nsid w:val="39DC676D"/>
    <w:multiLevelType w:val="multilevel"/>
    <w:tmpl w:val="FC32CE1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7" w15:restartNumberingAfterBreak="0">
    <w:nsid w:val="3C7056AB"/>
    <w:multiLevelType w:val="multilevel"/>
    <w:tmpl w:val="5C4E7F4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8" w15:restartNumberingAfterBreak="0">
    <w:nsid w:val="3D355E09"/>
    <w:multiLevelType w:val="multilevel"/>
    <w:tmpl w:val="9EC219C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9" w15:restartNumberingAfterBreak="0">
    <w:nsid w:val="3DED6236"/>
    <w:multiLevelType w:val="multilevel"/>
    <w:tmpl w:val="DC4600A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0" w15:restartNumberingAfterBreak="0">
    <w:nsid w:val="42531EA5"/>
    <w:multiLevelType w:val="multilevel"/>
    <w:tmpl w:val="CB52C7D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1" w15:restartNumberingAfterBreak="0">
    <w:nsid w:val="44FC4A85"/>
    <w:multiLevelType w:val="multilevel"/>
    <w:tmpl w:val="2AD0C03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2" w15:restartNumberingAfterBreak="0">
    <w:nsid w:val="47361BFC"/>
    <w:multiLevelType w:val="multilevel"/>
    <w:tmpl w:val="9EA8176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3" w15:restartNumberingAfterBreak="0">
    <w:nsid w:val="4E23671F"/>
    <w:multiLevelType w:val="multilevel"/>
    <w:tmpl w:val="C0E248A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4" w15:restartNumberingAfterBreak="0">
    <w:nsid w:val="52B81CEE"/>
    <w:multiLevelType w:val="multilevel"/>
    <w:tmpl w:val="FDD8E4F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5" w15:restartNumberingAfterBreak="0">
    <w:nsid w:val="533F60E6"/>
    <w:multiLevelType w:val="multilevel"/>
    <w:tmpl w:val="2C369C8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6" w15:restartNumberingAfterBreak="0">
    <w:nsid w:val="5466037D"/>
    <w:multiLevelType w:val="multilevel"/>
    <w:tmpl w:val="28F0E5A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7" w15:restartNumberingAfterBreak="0">
    <w:nsid w:val="56096DDB"/>
    <w:multiLevelType w:val="multilevel"/>
    <w:tmpl w:val="6618FD5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8" w15:restartNumberingAfterBreak="0">
    <w:nsid w:val="56DE3D2A"/>
    <w:multiLevelType w:val="multilevel"/>
    <w:tmpl w:val="6CAA52A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9" w15:restartNumberingAfterBreak="0">
    <w:nsid w:val="56F83FB6"/>
    <w:multiLevelType w:val="multilevel"/>
    <w:tmpl w:val="DDB642A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0" w15:restartNumberingAfterBreak="0">
    <w:nsid w:val="5AC45EAD"/>
    <w:multiLevelType w:val="multilevel"/>
    <w:tmpl w:val="9D2C103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1" w15:restartNumberingAfterBreak="0">
    <w:nsid w:val="5CED27BD"/>
    <w:multiLevelType w:val="multilevel"/>
    <w:tmpl w:val="7756BC5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2" w15:restartNumberingAfterBreak="0">
    <w:nsid w:val="5E386648"/>
    <w:multiLevelType w:val="multilevel"/>
    <w:tmpl w:val="5846D53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3" w15:restartNumberingAfterBreak="0">
    <w:nsid w:val="5F6B5541"/>
    <w:multiLevelType w:val="multilevel"/>
    <w:tmpl w:val="DFA0A7E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4" w15:restartNumberingAfterBreak="0">
    <w:nsid w:val="6224531B"/>
    <w:multiLevelType w:val="multilevel"/>
    <w:tmpl w:val="F2B4A2A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5" w15:restartNumberingAfterBreak="0">
    <w:nsid w:val="63225A18"/>
    <w:multiLevelType w:val="multilevel"/>
    <w:tmpl w:val="2F8A058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6" w15:restartNumberingAfterBreak="0">
    <w:nsid w:val="63C551DA"/>
    <w:multiLevelType w:val="multilevel"/>
    <w:tmpl w:val="DAFC76C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7" w15:restartNumberingAfterBreak="0">
    <w:nsid w:val="65263B0E"/>
    <w:multiLevelType w:val="multilevel"/>
    <w:tmpl w:val="7F7C508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8" w15:restartNumberingAfterBreak="0">
    <w:nsid w:val="67E57802"/>
    <w:multiLevelType w:val="multilevel"/>
    <w:tmpl w:val="4B6E2B2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9" w15:restartNumberingAfterBreak="0">
    <w:nsid w:val="68FE14FB"/>
    <w:multiLevelType w:val="multilevel"/>
    <w:tmpl w:val="366C49C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0" w15:restartNumberingAfterBreak="0">
    <w:nsid w:val="6AC979D7"/>
    <w:multiLevelType w:val="multilevel"/>
    <w:tmpl w:val="1E00303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1" w15:restartNumberingAfterBreak="0">
    <w:nsid w:val="6B710DEF"/>
    <w:multiLevelType w:val="multilevel"/>
    <w:tmpl w:val="9D30E97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2" w15:restartNumberingAfterBreak="0">
    <w:nsid w:val="6B7C516F"/>
    <w:multiLevelType w:val="multilevel"/>
    <w:tmpl w:val="A846FF2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3" w15:restartNumberingAfterBreak="0">
    <w:nsid w:val="6EBA2410"/>
    <w:multiLevelType w:val="multilevel"/>
    <w:tmpl w:val="4F04B3C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4" w15:restartNumberingAfterBreak="0">
    <w:nsid w:val="6EFD36A7"/>
    <w:multiLevelType w:val="multilevel"/>
    <w:tmpl w:val="DF84624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5" w15:restartNumberingAfterBreak="0">
    <w:nsid w:val="6F264974"/>
    <w:multiLevelType w:val="multilevel"/>
    <w:tmpl w:val="6060A2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6" w15:restartNumberingAfterBreak="0">
    <w:nsid w:val="71EC3546"/>
    <w:multiLevelType w:val="multilevel"/>
    <w:tmpl w:val="175ED1C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7" w15:restartNumberingAfterBreak="0">
    <w:nsid w:val="765A3653"/>
    <w:multiLevelType w:val="multilevel"/>
    <w:tmpl w:val="BC64BDA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8" w15:restartNumberingAfterBreak="0">
    <w:nsid w:val="768227B8"/>
    <w:multiLevelType w:val="multilevel"/>
    <w:tmpl w:val="CA2A214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9" w15:restartNumberingAfterBreak="0">
    <w:nsid w:val="7A084D85"/>
    <w:multiLevelType w:val="multilevel"/>
    <w:tmpl w:val="50CCFFF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60" w15:restartNumberingAfterBreak="0">
    <w:nsid w:val="7DA90FA5"/>
    <w:multiLevelType w:val="multilevel"/>
    <w:tmpl w:val="D982F4B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1880388401">
    <w:abstractNumId w:val="42"/>
  </w:num>
  <w:num w:numId="2" w16cid:durableId="1209951697">
    <w:abstractNumId w:val="44"/>
  </w:num>
  <w:num w:numId="3" w16cid:durableId="1489662741">
    <w:abstractNumId w:val="44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4" w16cid:durableId="1809009148">
    <w:abstractNumId w:val="51"/>
  </w:num>
  <w:num w:numId="5" w16cid:durableId="1676346516">
    <w:abstractNumId w:val="6"/>
  </w:num>
  <w:num w:numId="6" w16cid:durableId="1003706714">
    <w:abstractNumId w:val="43"/>
  </w:num>
  <w:num w:numId="7" w16cid:durableId="915632053">
    <w:abstractNumId w:val="43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8" w16cid:durableId="1955285301">
    <w:abstractNumId w:val="45"/>
  </w:num>
  <w:num w:numId="9" w16cid:durableId="1360929366">
    <w:abstractNumId w:val="14"/>
  </w:num>
  <w:num w:numId="10" w16cid:durableId="875124076">
    <w:abstractNumId w:val="46"/>
  </w:num>
  <w:num w:numId="11" w16cid:durableId="1951473943">
    <w:abstractNumId w:val="38"/>
  </w:num>
  <w:num w:numId="12" w16cid:durableId="1127429622">
    <w:abstractNumId w:val="13"/>
  </w:num>
  <w:num w:numId="13" w16cid:durableId="1541934451">
    <w:abstractNumId w:val="54"/>
  </w:num>
  <w:num w:numId="14" w16cid:durableId="1392271889">
    <w:abstractNumId w:val="54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15" w16cid:durableId="1056857265">
    <w:abstractNumId w:val="4"/>
  </w:num>
  <w:num w:numId="16" w16cid:durableId="1959986054">
    <w:abstractNumId w:val="22"/>
  </w:num>
  <w:num w:numId="17" w16cid:durableId="672218562">
    <w:abstractNumId w:val="33"/>
  </w:num>
  <w:num w:numId="18" w16cid:durableId="840969322">
    <w:abstractNumId w:val="59"/>
  </w:num>
  <w:num w:numId="19" w16cid:durableId="1925067611">
    <w:abstractNumId w:val="11"/>
  </w:num>
  <w:num w:numId="20" w16cid:durableId="237860224">
    <w:abstractNumId w:val="47"/>
  </w:num>
  <w:num w:numId="21" w16cid:durableId="489903147">
    <w:abstractNumId w:val="2"/>
  </w:num>
  <w:num w:numId="22" w16cid:durableId="1492671717">
    <w:abstractNumId w:val="0"/>
  </w:num>
  <w:num w:numId="23" w16cid:durableId="372461157">
    <w:abstractNumId w:val="58"/>
  </w:num>
  <w:num w:numId="24" w16cid:durableId="603879071">
    <w:abstractNumId w:val="58"/>
    <w:lvlOverride w:ilvl="1">
      <w:lvl w:ilvl="1">
        <w:numFmt w:val="decimal"/>
        <w:lvlText w:val="%2."/>
        <w:lvlJc w:val="left"/>
      </w:lvl>
    </w:lvlOverride>
  </w:num>
  <w:num w:numId="25" w16cid:durableId="1864437859">
    <w:abstractNumId w:val="19"/>
  </w:num>
  <w:num w:numId="26" w16cid:durableId="552813457">
    <w:abstractNumId w:val="19"/>
    <w:lvlOverride w:ilvl="1">
      <w:lvl w:ilvl="1">
        <w:numFmt w:val="bullet"/>
        <w:lvlText w:val="o"/>
        <w:lvlJc w:val="left"/>
        <w:pPr>
          <w:tabs>
            <w:tab w:val="num" w:pos="1440"/>
          </w:tabs>
          <w:ind w:left="1440" w:hanging="360"/>
        </w:pPr>
        <w:rPr>
          <w:rFonts w:ascii="Courier New" w:hAnsi="Courier New" w:hint="default"/>
          <w:sz w:val="20"/>
        </w:rPr>
      </w:lvl>
    </w:lvlOverride>
  </w:num>
  <w:num w:numId="27" w16cid:durableId="357585560">
    <w:abstractNumId w:val="24"/>
  </w:num>
  <w:num w:numId="28" w16cid:durableId="1126318782">
    <w:abstractNumId w:val="34"/>
  </w:num>
  <w:num w:numId="29" w16cid:durableId="437725463">
    <w:abstractNumId w:val="29"/>
  </w:num>
  <w:num w:numId="30" w16cid:durableId="143157319">
    <w:abstractNumId w:val="3"/>
  </w:num>
  <w:num w:numId="31" w16cid:durableId="547188856">
    <w:abstractNumId w:val="30"/>
  </w:num>
  <w:num w:numId="32" w16cid:durableId="446243022">
    <w:abstractNumId w:val="53"/>
  </w:num>
  <w:num w:numId="33" w16cid:durableId="521238485">
    <w:abstractNumId w:val="16"/>
  </w:num>
  <w:num w:numId="34" w16cid:durableId="310714428">
    <w:abstractNumId w:val="50"/>
  </w:num>
  <w:num w:numId="35" w16cid:durableId="1795635523">
    <w:abstractNumId w:val="39"/>
  </w:num>
  <w:num w:numId="36" w16cid:durableId="295568367">
    <w:abstractNumId w:val="7"/>
  </w:num>
  <w:num w:numId="37" w16cid:durableId="1687949481">
    <w:abstractNumId w:val="9"/>
  </w:num>
  <w:num w:numId="38" w16cid:durableId="1217159857">
    <w:abstractNumId w:val="49"/>
  </w:num>
  <w:num w:numId="39" w16cid:durableId="1576207244">
    <w:abstractNumId w:val="52"/>
  </w:num>
  <w:num w:numId="40" w16cid:durableId="735666330">
    <w:abstractNumId w:val="26"/>
  </w:num>
  <w:num w:numId="41" w16cid:durableId="830297974">
    <w:abstractNumId w:val="18"/>
  </w:num>
  <w:num w:numId="42" w16cid:durableId="1421826154">
    <w:abstractNumId w:val="5"/>
  </w:num>
  <w:num w:numId="43" w16cid:durableId="814956556">
    <w:abstractNumId w:val="12"/>
  </w:num>
  <w:num w:numId="44" w16cid:durableId="448816573">
    <w:abstractNumId w:val="35"/>
  </w:num>
  <w:num w:numId="45" w16cid:durableId="355355907">
    <w:abstractNumId w:val="32"/>
  </w:num>
  <w:num w:numId="46" w16cid:durableId="516190348">
    <w:abstractNumId w:val="27"/>
  </w:num>
  <w:num w:numId="47" w16cid:durableId="516113948">
    <w:abstractNumId w:val="21"/>
  </w:num>
  <w:num w:numId="48" w16cid:durableId="1413048397">
    <w:abstractNumId w:val="25"/>
  </w:num>
  <w:num w:numId="49" w16cid:durableId="817383609">
    <w:abstractNumId w:val="20"/>
  </w:num>
  <w:num w:numId="50" w16cid:durableId="533033544">
    <w:abstractNumId w:val="17"/>
  </w:num>
  <w:num w:numId="51" w16cid:durableId="1411267360">
    <w:abstractNumId w:val="1"/>
  </w:num>
  <w:num w:numId="52" w16cid:durableId="1767192592">
    <w:abstractNumId w:val="57"/>
  </w:num>
  <w:num w:numId="53" w16cid:durableId="882058052">
    <w:abstractNumId w:val="60"/>
  </w:num>
  <w:num w:numId="54" w16cid:durableId="717826528">
    <w:abstractNumId w:val="10"/>
  </w:num>
  <w:num w:numId="55" w16cid:durableId="337663083">
    <w:abstractNumId w:val="15"/>
  </w:num>
  <w:num w:numId="56" w16cid:durableId="971327074">
    <w:abstractNumId w:val="37"/>
  </w:num>
  <w:num w:numId="57" w16cid:durableId="618682662">
    <w:abstractNumId w:val="40"/>
  </w:num>
  <w:num w:numId="58" w16cid:durableId="821002066">
    <w:abstractNumId w:val="31"/>
  </w:num>
  <w:num w:numId="59" w16cid:durableId="634408449">
    <w:abstractNumId w:val="23"/>
  </w:num>
  <w:num w:numId="60" w16cid:durableId="614213821">
    <w:abstractNumId w:val="36"/>
  </w:num>
  <w:num w:numId="61" w16cid:durableId="995374636">
    <w:abstractNumId w:val="8"/>
  </w:num>
  <w:num w:numId="62" w16cid:durableId="2138907919">
    <w:abstractNumId w:val="48"/>
  </w:num>
  <w:num w:numId="63" w16cid:durableId="1930234259">
    <w:abstractNumId w:val="41"/>
  </w:num>
  <w:num w:numId="64" w16cid:durableId="121655013">
    <w:abstractNumId w:val="56"/>
  </w:num>
  <w:num w:numId="65" w16cid:durableId="123425978">
    <w:abstractNumId w:val="55"/>
  </w:num>
  <w:num w:numId="66" w16cid:durableId="1377197952">
    <w:abstractNumId w:val="28"/>
  </w:num>
  <w:numIdMacAtCleanup w:val="46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view w:val="web"/>
  <w:zoom w:val="fullPage" w:percent="127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E7340C"/>
    <w:rsid w:val="000017BE"/>
    <w:rsid w:val="0003785C"/>
    <w:rsid w:val="00061178"/>
    <w:rsid w:val="0008767E"/>
    <w:rsid w:val="00097C11"/>
    <w:rsid w:val="000C5815"/>
    <w:rsid w:val="000D28F6"/>
    <w:rsid w:val="000D3372"/>
    <w:rsid w:val="000D589B"/>
    <w:rsid w:val="0010375C"/>
    <w:rsid w:val="00115DC2"/>
    <w:rsid w:val="0012428F"/>
    <w:rsid w:val="00176FC4"/>
    <w:rsid w:val="001811AF"/>
    <w:rsid w:val="00184A51"/>
    <w:rsid w:val="001B4190"/>
    <w:rsid w:val="001C1D16"/>
    <w:rsid w:val="001C3AD6"/>
    <w:rsid w:val="001E0E49"/>
    <w:rsid w:val="001F6588"/>
    <w:rsid w:val="00201CE2"/>
    <w:rsid w:val="0021243A"/>
    <w:rsid w:val="002220C9"/>
    <w:rsid w:val="00224181"/>
    <w:rsid w:val="00232E48"/>
    <w:rsid w:val="00233173"/>
    <w:rsid w:val="00250CBA"/>
    <w:rsid w:val="00264288"/>
    <w:rsid w:val="002C168C"/>
    <w:rsid w:val="002E6472"/>
    <w:rsid w:val="00305A4A"/>
    <w:rsid w:val="0031303B"/>
    <w:rsid w:val="00330897"/>
    <w:rsid w:val="003633A6"/>
    <w:rsid w:val="00384E6C"/>
    <w:rsid w:val="003A4F2D"/>
    <w:rsid w:val="003D68F6"/>
    <w:rsid w:val="003E7470"/>
    <w:rsid w:val="0044433E"/>
    <w:rsid w:val="004456A4"/>
    <w:rsid w:val="004535EE"/>
    <w:rsid w:val="00454B86"/>
    <w:rsid w:val="00460A27"/>
    <w:rsid w:val="0046669F"/>
    <w:rsid w:val="004712D5"/>
    <w:rsid w:val="00471875"/>
    <w:rsid w:val="004811EA"/>
    <w:rsid w:val="004A3A18"/>
    <w:rsid w:val="004B0D13"/>
    <w:rsid w:val="004B45F3"/>
    <w:rsid w:val="004E5457"/>
    <w:rsid w:val="005005AB"/>
    <w:rsid w:val="00525233"/>
    <w:rsid w:val="0053404E"/>
    <w:rsid w:val="005406E5"/>
    <w:rsid w:val="00554C4A"/>
    <w:rsid w:val="00557715"/>
    <w:rsid w:val="00584466"/>
    <w:rsid w:val="005A4B2E"/>
    <w:rsid w:val="005D2BD1"/>
    <w:rsid w:val="005F01C2"/>
    <w:rsid w:val="005F4A08"/>
    <w:rsid w:val="005F5B0D"/>
    <w:rsid w:val="005F611D"/>
    <w:rsid w:val="00602914"/>
    <w:rsid w:val="00645065"/>
    <w:rsid w:val="006740F5"/>
    <w:rsid w:val="006847DB"/>
    <w:rsid w:val="006A7B4A"/>
    <w:rsid w:val="006A7E15"/>
    <w:rsid w:val="006C6F4D"/>
    <w:rsid w:val="006D2E6C"/>
    <w:rsid w:val="006D648F"/>
    <w:rsid w:val="0072502B"/>
    <w:rsid w:val="007275DE"/>
    <w:rsid w:val="0074719B"/>
    <w:rsid w:val="0075235A"/>
    <w:rsid w:val="007609A2"/>
    <w:rsid w:val="0077010A"/>
    <w:rsid w:val="00775EC0"/>
    <w:rsid w:val="00791D4E"/>
    <w:rsid w:val="00796DB2"/>
    <w:rsid w:val="007A35D2"/>
    <w:rsid w:val="007C77F3"/>
    <w:rsid w:val="007C7C3A"/>
    <w:rsid w:val="007E4EC9"/>
    <w:rsid w:val="00807625"/>
    <w:rsid w:val="008275DB"/>
    <w:rsid w:val="00831D1B"/>
    <w:rsid w:val="00845C18"/>
    <w:rsid w:val="00874DBF"/>
    <w:rsid w:val="00877D12"/>
    <w:rsid w:val="00883FFC"/>
    <w:rsid w:val="008B5DD2"/>
    <w:rsid w:val="008C1729"/>
    <w:rsid w:val="009248F5"/>
    <w:rsid w:val="00927479"/>
    <w:rsid w:val="00953B2F"/>
    <w:rsid w:val="009630A8"/>
    <w:rsid w:val="0097033A"/>
    <w:rsid w:val="0097756F"/>
    <w:rsid w:val="00995EA0"/>
    <w:rsid w:val="009C765C"/>
    <w:rsid w:val="009D0BC9"/>
    <w:rsid w:val="009E3B9A"/>
    <w:rsid w:val="009E76F8"/>
    <w:rsid w:val="00A0037C"/>
    <w:rsid w:val="00A05DDD"/>
    <w:rsid w:val="00A31B55"/>
    <w:rsid w:val="00A47902"/>
    <w:rsid w:val="00A479D8"/>
    <w:rsid w:val="00A47C64"/>
    <w:rsid w:val="00A73E80"/>
    <w:rsid w:val="00A8004F"/>
    <w:rsid w:val="00A82D54"/>
    <w:rsid w:val="00A90564"/>
    <w:rsid w:val="00A91374"/>
    <w:rsid w:val="00A94782"/>
    <w:rsid w:val="00AA7C5E"/>
    <w:rsid w:val="00AC1AFB"/>
    <w:rsid w:val="00AD415C"/>
    <w:rsid w:val="00AE09BC"/>
    <w:rsid w:val="00AE7412"/>
    <w:rsid w:val="00AF0E2E"/>
    <w:rsid w:val="00B1078A"/>
    <w:rsid w:val="00B27DF4"/>
    <w:rsid w:val="00B764F7"/>
    <w:rsid w:val="00BA072F"/>
    <w:rsid w:val="00BB4A3B"/>
    <w:rsid w:val="00C515A1"/>
    <w:rsid w:val="00C515A6"/>
    <w:rsid w:val="00C63711"/>
    <w:rsid w:val="00C776EB"/>
    <w:rsid w:val="00C91BC3"/>
    <w:rsid w:val="00C95CE0"/>
    <w:rsid w:val="00CB5D72"/>
    <w:rsid w:val="00CB7000"/>
    <w:rsid w:val="00CD192D"/>
    <w:rsid w:val="00CE521A"/>
    <w:rsid w:val="00D1017A"/>
    <w:rsid w:val="00D106E7"/>
    <w:rsid w:val="00D17461"/>
    <w:rsid w:val="00D259E9"/>
    <w:rsid w:val="00D31B2E"/>
    <w:rsid w:val="00D35C58"/>
    <w:rsid w:val="00D42007"/>
    <w:rsid w:val="00D87178"/>
    <w:rsid w:val="00D92AE7"/>
    <w:rsid w:val="00DB3F3A"/>
    <w:rsid w:val="00DB7ACF"/>
    <w:rsid w:val="00DC0E0A"/>
    <w:rsid w:val="00DE7376"/>
    <w:rsid w:val="00E12466"/>
    <w:rsid w:val="00E23007"/>
    <w:rsid w:val="00E3001F"/>
    <w:rsid w:val="00E3175F"/>
    <w:rsid w:val="00E610B1"/>
    <w:rsid w:val="00E7314D"/>
    <w:rsid w:val="00E7340C"/>
    <w:rsid w:val="00EA0830"/>
    <w:rsid w:val="00EF0180"/>
    <w:rsid w:val="00EF5055"/>
    <w:rsid w:val="00F22CA6"/>
    <w:rsid w:val="00F56153"/>
    <w:rsid w:val="00F6168C"/>
    <w:rsid w:val="00F74B81"/>
    <w:rsid w:val="00F80737"/>
    <w:rsid w:val="00FB7B07"/>
    <w:rsid w:val="00FD1861"/>
    <w:rsid w:val="00FF757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496E982"/>
  <w15:chartTrackingRefBased/>
  <w15:docId w15:val="{0F16E6D0-D471-4036-903C-CBE05B9E787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en-US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08767E"/>
  </w:style>
  <w:style w:type="paragraph" w:styleId="Heading1">
    <w:name w:val="heading 1"/>
    <w:basedOn w:val="Normal"/>
    <w:next w:val="Normal"/>
    <w:link w:val="Heading1Char"/>
    <w:uiPriority w:val="9"/>
    <w:qFormat/>
    <w:rsid w:val="00184A51"/>
    <w:pPr>
      <w:keepNext/>
      <w:keepLines/>
      <w:spacing w:before="240" w:after="0" w:line="240" w:lineRule="auto"/>
      <w:contextualSpacing/>
      <w:outlineLvl w:val="0"/>
    </w:pPr>
    <w:rPr>
      <w:rFonts w:eastAsiaTheme="majorEastAsia" w:cstheme="majorBidi"/>
      <w:b/>
      <w:color w:val="0F4761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A0830"/>
    <w:pPr>
      <w:keepNext/>
      <w:keepLines/>
      <w:spacing w:before="40" w:after="40"/>
      <w:outlineLvl w:val="1"/>
    </w:pPr>
    <w:rPr>
      <w:rFonts w:eastAsiaTheme="majorEastAsia" w:cstheme="majorBidi"/>
      <w:color w:val="0F4761" w:themeColor="accent1" w:themeShade="BF"/>
      <w:sz w:val="28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A0830"/>
    <w:pPr>
      <w:keepNext/>
      <w:keepLines/>
      <w:spacing w:before="40" w:after="40"/>
      <w:outlineLvl w:val="2"/>
    </w:pPr>
    <w:rPr>
      <w:rFonts w:eastAsiaTheme="majorEastAsia" w:cstheme="majorBidi"/>
      <w:b/>
      <w:color w:val="0A2F40" w:themeColor="accent1" w:themeShade="7F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E7340C"/>
    <w:pPr>
      <w:keepNext/>
      <w:keepLines/>
      <w:spacing w:before="80" w:after="40"/>
      <w:outlineLvl w:val="3"/>
    </w:pPr>
    <w:rPr>
      <w:rFonts w:eastAsiaTheme="majorEastAsia" w:cstheme="majorBidi"/>
      <w:i/>
      <w:iCs/>
      <w:color w:val="0F4761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E7340C"/>
    <w:pPr>
      <w:keepNext/>
      <w:keepLines/>
      <w:spacing w:before="80" w:after="40"/>
      <w:outlineLvl w:val="4"/>
    </w:pPr>
    <w:rPr>
      <w:rFonts w:eastAsiaTheme="majorEastAsia" w:cstheme="majorBidi"/>
      <w:color w:val="0F4761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E7340C"/>
    <w:pPr>
      <w:keepNext/>
      <w:keepLines/>
      <w:spacing w:before="40" w:after="0"/>
      <w:outlineLvl w:val="5"/>
    </w:pPr>
    <w:rPr>
      <w:rFonts w:eastAsiaTheme="majorEastAsia" w:cstheme="majorBidi"/>
      <w:i/>
      <w:iCs/>
      <w:color w:val="595959" w:themeColor="text1" w:themeTint="A6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E7340C"/>
    <w:pPr>
      <w:keepNext/>
      <w:keepLines/>
      <w:spacing w:before="40" w:after="0"/>
      <w:outlineLvl w:val="6"/>
    </w:pPr>
    <w:rPr>
      <w:rFonts w:eastAsiaTheme="majorEastAsia" w:cstheme="majorBidi"/>
      <w:color w:val="595959" w:themeColor="text1" w:themeTint="A6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E7340C"/>
    <w:pPr>
      <w:keepNext/>
      <w:keepLines/>
      <w:spacing w:after="0"/>
      <w:outlineLvl w:val="7"/>
    </w:pPr>
    <w:rPr>
      <w:rFonts w:eastAsiaTheme="majorEastAsia" w:cstheme="majorBidi"/>
      <w:i/>
      <w:iCs/>
      <w:color w:val="272727" w:themeColor="text1" w:themeTint="D8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E7340C"/>
    <w:pPr>
      <w:keepNext/>
      <w:keepLines/>
      <w:spacing w:after="0"/>
      <w:outlineLvl w:val="8"/>
    </w:pPr>
    <w:rPr>
      <w:rFonts w:eastAsiaTheme="majorEastAsia" w:cstheme="majorBidi"/>
      <w:color w:val="272727" w:themeColor="text1" w:themeTint="D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184A51"/>
    <w:rPr>
      <w:rFonts w:eastAsiaTheme="majorEastAsia" w:cstheme="majorBidi"/>
      <w:b/>
      <w:color w:val="0F4761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EA0830"/>
    <w:rPr>
      <w:rFonts w:eastAsiaTheme="majorEastAsia" w:cstheme="majorBidi"/>
      <w:color w:val="0F4761" w:themeColor="accent1" w:themeShade="BF"/>
      <w:sz w:val="28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EA0830"/>
    <w:rPr>
      <w:rFonts w:eastAsiaTheme="majorEastAsia" w:cstheme="majorBidi"/>
      <w:b/>
      <w:color w:val="0A2F40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E7340C"/>
    <w:rPr>
      <w:rFonts w:eastAsiaTheme="majorEastAsia" w:cstheme="majorBidi"/>
      <w:i/>
      <w:iCs/>
      <w:color w:val="0F4761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E7340C"/>
    <w:rPr>
      <w:rFonts w:eastAsiaTheme="majorEastAsia" w:cstheme="majorBidi"/>
      <w:color w:val="0F4761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E7340C"/>
    <w:rPr>
      <w:rFonts w:eastAsiaTheme="majorEastAsia" w:cstheme="majorBidi"/>
      <w:i/>
      <w:iCs/>
      <w:color w:val="595959" w:themeColor="text1" w:themeTint="A6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E7340C"/>
    <w:rPr>
      <w:rFonts w:eastAsiaTheme="majorEastAsia" w:cstheme="majorBidi"/>
      <w:color w:val="595959" w:themeColor="text1" w:themeTint="A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E7340C"/>
    <w:rPr>
      <w:rFonts w:eastAsiaTheme="majorEastAsia" w:cstheme="majorBidi"/>
      <w:i/>
      <w:iCs/>
      <w:color w:val="272727" w:themeColor="text1" w:themeTint="D8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E7340C"/>
    <w:rPr>
      <w:rFonts w:eastAsiaTheme="majorEastAsia" w:cstheme="majorBidi"/>
      <w:color w:val="272727" w:themeColor="text1" w:themeTint="D8"/>
    </w:rPr>
  </w:style>
  <w:style w:type="paragraph" w:styleId="Title">
    <w:name w:val="Title"/>
    <w:basedOn w:val="Normal"/>
    <w:next w:val="Normal"/>
    <w:link w:val="TitleChar"/>
    <w:uiPriority w:val="10"/>
    <w:qFormat/>
    <w:rsid w:val="00E7340C"/>
    <w:pPr>
      <w:spacing w:after="8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E7340C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E7340C"/>
    <w:pPr>
      <w:numPr>
        <w:ilvl w:val="1"/>
      </w:numPr>
    </w:pPr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1"/>
    <w:rsid w:val="00E7340C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Quote">
    <w:name w:val="Quote"/>
    <w:basedOn w:val="Normal"/>
    <w:next w:val="Normal"/>
    <w:link w:val="QuoteChar"/>
    <w:uiPriority w:val="29"/>
    <w:qFormat/>
    <w:rsid w:val="00E7340C"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E7340C"/>
    <w:rPr>
      <w:i/>
      <w:iCs/>
      <w:color w:val="404040" w:themeColor="text1" w:themeTint="BF"/>
    </w:rPr>
  </w:style>
  <w:style w:type="paragraph" w:styleId="ListParagraph">
    <w:name w:val="List Paragraph"/>
    <w:basedOn w:val="Normal"/>
    <w:uiPriority w:val="34"/>
    <w:qFormat/>
    <w:rsid w:val="00E7340C"/>
    <w:pPr>
      <w:ind w:left="720"/>
      <w:contextualSpacing/>
    </w:pPr>
  </w:style>
  <w:style w:type="character" w:styleId="IntenseEmphasis">
    <w:name w:val="Intense Emphasis"/>
    <w:basedOn w:val="DefaultParagraphFont"/>
    <w:uiPriority w:val="21"/>
    <w:qFormat/>
    <w:rsid w:val="00E7340C"/>
    <w:rPr>
      <w:i/>
      <w:iCs/>
      <w:color w:val="0F4761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E7340C"/>
    <w:pPr>
      <w:pBdr>
        <w:top w:val="single" w:sz="4" w:space="10" w:color="0F4761" w:themeColor="accent1" w:themeShade="BF"/>
        <w:bottom w:val="single" w:sz="4" w:space="10" w:color="0F4761" w:themeColor="accent1" w:themeShade="BF"/>
      </w:pBdr>
      <w:spacing w:before="360" w:after="360"/>
      <w:ind w:left="864" w:right="864"/>
      <w:jc w:val="center"/>
    </w:pPr>
    <w:rPr>
      <w:i/>
      <w:iCs/>
      <w:color w:val="0F4761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E7340C"/>
    <w:rPr>
      <w:i/>
      <w:iCs/>
      <w:color w:val="0F4761" w:themeColor="accent1" w:themeShade="BF"/>
    </w:rPr>
  </w:style>
  <w:style w:type="character" w:styleId="IntenseReference">
    <w:name w:val="Intense Reference"/>
    <w:basedOn w:val="DefaultParagraphFont"/>
    <w:uiPriority w:val="32"/>
    <w:qFormat/>
    <w:rsid w:val="00E7340C"/>
    <w:rPr>
      <w:b/>
      <w:bCs/>
      <w:smallCaps/>
      <w:color w:val="0F4761" w:themeColor="accent1" w:themeShade="BF"/>
      <w:spacing w:val="5"/>
    </w:rPr>
  </w:style>
  <w:style w:type="paragraph" w:customStyle="1" w:styleId="section">
    <w:name w:val="section"/>
    <w:basedOn w:val="Normal"/>
    <w:rsid w:val="000C581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character" w:customStyle="1" w:styleId="Emphasis1">
    <w:name w:val="Emphasis1"/>
    <w:basedOn w:val="DefaultParagraphFont"/>
    <w:rsid w:val="000C5815"/>
  </w:style>
  <w:style w:type="character" w:styleId="Hyperlink">
    <w:name w:val="Hyperlink"/>
    <w:basedOn w:val="DefaultParagraphFont"/>
    <w:uiPriority w:val="99"/>
    <w:unhideWhenUsed/>
    <w:rsid w:val="000C5815"/>
    <w:rPr>
      <w:color w:val="0000FF"/>
      <w:u w:val="single"/>
    </w:rPr>
  </w:style>
  <w:style w:type="paragraph" w:customStyle="1" w:styleId="subsection">
    <w:name w:val="subsection"/>
    <w:basedOn w:val="Normal"/>
    <w:rsid w:val="005D2BD1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paragraph" w:styleId="NormalWeb">
    <w:name w:val="Normal (Web)"/>
    <w:basedOn w:val="Normal"/>
    <w:uiPriority w:val="99"/>
    <w:unhideWhenUsed/>
    <w:rsid w:val="00AE741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character" w:customStyle="1" w:styleId="Emphasis2">
    <w:name w:val="Emphasis2"/>
    <w:basedOn w:val="DefaultParagraphFont"/>
    <w:rsid w:val="00C91BC3"/>
  </w:style>
  <w:style w:type="paragraph" w:customStyle="1" w:styleId="example">
    <w:name w:val="example"/>
    <w:basedOn w:val="Normal"/>
    <w:rsid w:val="00C91BC3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character" w:styleId="Strong">
    <w:name w:val="Strong"/>
    <w:basedOn w:val="DefaultParagraphFont"/>
    <w:uiPriority w:val="22"/>
    <w:qFormat/>
    <w:rsid w:val="00C91BC3"/>
    <w:rPr>
      <w:b/>
      <w:bCs/>
    </w:rPr>
  </w:style>
  <w:style w:type="character" w:styleId="Emphasis">
    <w:name w:val="Emphasis"/>
    <w:basedOn w:val="DefaultParagraphFont"/>
    <w:uiPriority w:val="20"/>
    <w:qFormat/>
    <w:rsid w:val="00C91BC3"/>
    <w:rPr>
      <w:i/>
      <w:iCs/>
    </w:rPr>
  </w:style>
  <w:style w:type="character" w:customStyle="1" w:styleId="Emphasis3">
    <w:name w:val="Emphasis3"/>
    <w:basedOn w:val="DefaultParagraphFont"/>
    <w:rsid w:val="00250CBA"/>
  </w:style>
  <w:style w:type="table" w:styleId="TableGrid">
    <w:name w:val="Table Grid"/>
    <w:basedOn w:val="TableNormal"/>
    <w:uiPriority w:val="39"/>
    <w:rsid w:val="00250CBA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250CBA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kern w:val="0"/>
      <w:sz w:val="20"/>
      <w:szCs w:val="20"/>
      <w14:ligatures w14:val="none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250CBA"/>
    <w:rPr>
      <w:rFonts w:ascii="Courier New" w:eastAsia="Times New Roman" w:hAnsi="Courier New" w:cs="Courier New"/>
      <w:kern w:val="0"/>
      <w:sz w:val="20"/>
      <w:szCs w:val="20"/>
      <w14:ligatures w14:val="none"/>
    </w:rPr>
  </w:style>
  <w:style w:type="paragraph" w:customStyle="1" w:styleId="Title1">
    <w:name w:val="Title1"/>
    <w:basedOn w:val="Normal"/>
    <w:rsid w:val="00DB7ACF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paragraph" w:customStyle="1" w:styleId="Subtitle1">
    <w:name w:val="Subtitle1"/>
    <w:basedOn w:val="Normal"/>
    <w:rsid w:val="00DB7ACF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character" w:customStyle="1" w:styleId="Emphasis4">
    <w:name w:val="Emphasis4"/>
    <w:basedOn w:val="DefaultParagraphFont"/>
    <w:rsid w:val="00DB7ACF"/>
  </w:style>
  <w:style w:type="paragraph" w:customStyle="1" w:styleId="code">
    <w:name w:val="code"/>
    <w:basedOn w:val="Normal"/>
    <w:rsid w:val="00DB7ACF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paragraph" w:customStyle="1" w:styleId="example1">
    <w:name w:val="example1"/>
    <w:basedOn w:val="Normal"/>
    <w:rsid w:val="00DB7ACF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character" w:customStyle="1" w:styleId="code1">
    <w:name w:val="code1"/>
    <w:basedOn w:val="DefaultParagraphFont"/>
    <w:rsid w:val="00DB7ACF"/>
  </w:style>
  <w:style w:type="character" w:customStyle="1" w:styleId="section1">
    <w:name w:val="section1"/>
    <w:basedOn w:val="DefaultParagraphFont"/>
    <w:rsid w:val="00DB7ACF"/>
  </w:style>
  <w:style w:type="paragraph" w:customStyle="1" w:styleId="Title2">
    <w:name w:val="Title2"/>
    <w:basedOn w:val="Normal"/>
    <w:rsid w:val="009E76F8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paragraph" w:customStyle="1" w:styleId="Subtitle2">
    <w:name w:val="Subtitle2"/>
    <w:basedOn w:val="Normal"/>
    <w:rsid w:val="009E76F8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character" w:customStyle="1" w:styleId="Emphasis5">
    <w:name w:val="Emphasis5"/>
    <w:basedOn w:val="DefaultParagraphFont"/>
    <w:rsid w:val="009E76F8"/>
  </w:style>
  <w:style w:type="paragraph" w:customStyle="1" w:styleId="Title3">
    <w:name w:val="Title3"/>
    <w:basedOn w:val="Normal"/>
    <w:rsid w:val="00B27DF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paragraph" w:customStyle="1" w:styleId="Subtitle3">
    <w:name w:val="Subtitle3"/>
    <w:basedOn w:val="Normal"/>
    <w:rsid w:val="00B27DF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character" w:customStyle="1" w:styleId="Emphasis6">
    <w:name w:val="Emphasis6"/>
    <w:basedOn w:val="DefaultParagraphFont"/>
    <w:rsid w:val="00B27DF4"/>
  </w:style>
  <w:style w:type="paragraph" w:customStyle="1" w:styleId="Title4">
    <w:name w:val="Title4"/>
    <w:basedOn w:val="Normal"/>
    <w:rsid w:val="004811EA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paragraph" w:customStyle="1" w:styleId="Subtitle4">
    <w:name w:val="Subtitle4"/>
    <w:basedOn w:val="Normal"/>
    <w:rsid w:val="004811EA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character" w:customStyle="1" w:styleId="Emphasis7">
    <w:name w:val="Emphasis7"/>
    <w:basedOn w:val="DefaultParagraphFont"/>
    <w:rsid w:val="004811EA"/>
  </w:style>
  <w:style w:type="character" w:customStyle="1" w:styleId="subsection1">
    <w:name w:val="subsection1"/>
    <w:basedOn w:val="DefaultParagraphFont"/>
    <w:rsid w:val="004811EA"/>
  </w:style>
  <w:style w:type="character" w:styleId="UnresolvedMention">
    <w:name w:val="Unresolved Mention"/>
    <w:basedOn w:val="DefaultParagraphFont"/>
    <w:uiPriority w:val="99"/>
    <w:semiHidden/>
    <w:unhideWhenUsed/>
    <w:rsid w:val="009E3B9A"/>
    <w:rPr>
      <w:color w:val="605E5C"/>
      <w:shd w:val="clear" w:color="auto" w:fill="E1DFDD"/>
    </w:rPr>
  </w:style>
  <w:style w:type="character" w:styleId="HTMLCode">
    <w:name w:val="HTML Code"/>
    <w:basedOn w:val="DefaultParagraphFont"/>
    <w:uiPriority w:val="99"/>
    <w:semiHidden/>
    <w:unhideWhenUsed/>
    <w:rsid w:val="008C1729"/>
    <w:rPr>
      <w:rFonts w:ascii="Courier New" w:eastAsia="Times New Roman" w:hAnsi="Courier New" w:cs="Courier New"/>
      <w:sz w:val="20"/>
      <w:szCs w:val="20"/>
    </w:rPr>
  </w:style>
  <w:style w:type="character" w:customStyle="1" w:styleId="cite-bracket">
    <w:name w:val="cite-bracket"/>
    <w:basedOn w:val="DefaultParagraphFont"/>
    <w:rsid w:val="008C1729"/>
  </w:style>
  <w:style w:type="character" w:customStyle="1" w:styleId="p">
    <w:name w:val="p"/>
    <w:basedOn w:val="DefaultParagraphFont"/>
    <w:rsid w:val="008C1729"/>
  </w:style>
  <w:style w:type="character" w:customStyle="1" w:styleId="nc">
    <w:name w:val="nc"/>
    <w:basedOn w:val="DefaultParagraphFont"/>
    <w:rsid w:val="008C1729"/>
  </w:style>
  <w:style w:type="character" w:customStyle="1" w:styleId="o">
    <w:name w:val="o"/>
    <w:basedOn w:val="DefaultParagraphFont"/>
    <w:rsid w:val="008C1729"/>
  </w:style>
  <w:style w:type="character" w:customStyle="1" w:styleId="token">
    <w:name w:val="token"/>
    <w:basedOn w:val="DefaultParagraphFont"/>
    <w:rsid w:val="008C1729"/>
  </w:style>
  <w:style w:type="paragraph" w:customStyle="1" w:styleId="Title5">
    <w:name w:val="Title5"/>
    <w:basedOn w:val="Normal"/>
    <w:rsid w:val="005A4B2E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paragraph" w:customStyle="1" w:styleId="Subtitle5">
    <w:name w:val="Subtitle5"/>
    <w:basedOn w:val="Normal"/>
    <w:rsid w:val="005A4B2E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character" w:customStyle="1" w:styleId="Emphasis8">
    <w:name w:val="Emphasis8"/>
    <w:basedOn w:val="DefaultParagraphFont"/>
    <w:rsid w:val="005A4B2E"/>
  </w:style>
  <w:style w:type="paragraph" w:customStyle="1" w:styleId="Title6">
    <w:name w:val="Title6"/>
    <w:basedOn w:val="Normal"/>
    <w:rsid w:val="00201CE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paragraph" w:customStyle="1" w:styleId="Subtitle6">
    <w:name w:val="Subtitle6"/>
    <w:basedOn w:val="Normal"/>
    <w:rsid w:val="00201CE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character" w:customStyle="1" w:styleId="Emphasis9">
    <w:name w:val="Emphasis9"/>
    <w:basedOn w:val="DefaultParagraphFont"/>
    <w:rsid w:val="00201CE2"/>
  </w:style>
  <w:style w:type="paragraph" w:customStyle="1" w:styleId="title0">
    <w:name w:val="title"/>
    <w:basedOn w:val="Normal"/>
    <w:rsid w:val="00F74B81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paragraph" w:customStyle="1" w:styleId="subtitle0">
    <w:name w:val="subtitle"/>
    <w:basedOn w:val="Normal"/>
    <w:rsid w:val="00F74B81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  <w:style w:type="character" w:customStyle="1" w:styleId="emphasis0">
    <w:name w:val="emphasis"/>
    <w:basedOn w:val="DefaultParagraphFont"/>
    <w:rsid w:val="00F74B81"/>
  </w:style>
  <w:style w:type="paragraph" w:customStyle="1" w:styleId="subsubsection">
    <w:name w:val="subsubsection"/>
    <w:basedOn w:val="Normal"/>
    <w:rsid w:val="00F74B81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14:ligatures w14:val="non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yperlink" Target="https://dcm.uhcl.edu/yue/demo/s1/test.html" TargetMode="External"/><Relationship Id="rId18" Type="http://schemas.openxmlformats.org/officeDocument/2006/relationships/image" Target="media/image4.jpeg"/><Relationship Id="rId26" Type="http://schemas.openxmlformats.org/officeDocument/2006/relationships/image" Target="media/image7.png"/><Relationship Id="rId3" Type="http://schemas.openxmlformats.org/officeDocument/2006/relationships/settings" Target="settings.xml"/><Relationship Id="rId21" Type="http://schemas.openxmlformats.org/officeDocument/2006/relationships/hyperlink" Target="https://dcm.uhcl.edu/yue/courses/joinDB/Fall2025/notes/web/csciStudent1.py.txt" TargetMode="External"/><Relationship Id="rId7" Type="http://schemas.openxmlformats.org/officeDocument/2006/relationships/hyperlink" Target="https://docs.python.org/3.5/library/cgi.html" TargetMode="External"/><Relationship Id="rId12" Type="http://schemas.openxmlformats.org/officeDocument/2006/relationships/hyperlink" Target="http://dcm.uhcl.edu/yue/h6.py" TargetMode="External"/><Relationship Id="rId17" Type="http://schemas.openxmlformats.org/officeDocument/2006/relationships/hyperlink" Target="https://curl.se/" TargetMode="External"/><Relationship Id="rId25" Type="http://schemas.openxmlformats.org/officeDocument/2006/relationships/image" Target="media/image6.png"/><Relationship Id="rId2" Type="http://schemas.openxmlformats.org/officeDocument/2006/relationships/styles" Target="styles.xml"/><Relationship Id="rId16" Type="http://schemas.openxmlformats.org/officeDocument/2006/relationships/hyperlink" Target="https://dcm.uhcl.edu/yue/courses/joinDB/Fall2025/notes/web/test.html" TargetMode="External"/><Relationship Id="rId20" Type="http://schemas.openxmlformats.org/officeDocument/2006/relationships/hyperlink" Target="https://curl.se/" TargetMode="External"/><Relationship Id="rId29" Type="http://schemas.openxmlformats.org/officeDocument/2006/relationships/hyperlink" Target="https://dcm.uhcl.edu/yue/courses/joinDB/Fall2025/notes/web/toyu1.py.txt" TargetMode="External"/><Relationship Id="rId1" Type="http://schemas.openxmlformats.org/officeDocument/2006/relationships/numbering" Target="numbering.xml"/><Relationship Id="rId6" Type="http://schemas.openxmlformats.org/officeDocument/2006/relationships/hyperlink" Target="https://dcm.uhcl.edu/yue/courses/joinDB/Fall2025/notes/web/test.py.txt" TargetMode="External"/><Relationship Id="rId11" Type="http://schemas.openxmlformats.org/officeDocument/2006/relationships/hyperlink" Target="http://dcm.uhcl.edu/fa25c4333s1hannaj/h6.py" TargetMode="External"/><Relationship Id="rId24" Type="http://schemas.openxmlformats.org/officeDocument/2006/relationships/hyperlink" Target="https://dcm.uhcl.edu/yue/courses/joinDB/Fall2025/notes/web/cgi1.py.txt" TargetMode="External"/><Relationship Id="rId5" Type="http://schemas.openxmlformats.org/officeDocument/2006/relationships/hyperlink" Target="https://docs.python.org/3.3/howto/webservers.html" TargetMode="External"/><Relationship Id="rId15" Type="http://schemas.openxmlformats.org/officeDocument/2006/relationships/hyperlink" Target="https://www.mkyong.com/computer-tips/how-to-view-http-headers-in-google-chrome/" TargetMode="External"/><Relationship Id="rId23" Type="http://schemas.openxmlformats.org/officeDocument/2006/relationships/hyperlink" Target="https://dcm.uhcl.edu/yue/courses/joinDB/Fall2025/notes/web/dbconfig.py.txt" TargetMode="External"/><Relationship Id="rId28" Type="http://schemas.openxmlformats.org/officeDocument/2006/relationships/image" Target="media/image9.jpeg"/><Relationship Id="rId10" Type="http://schemas.openxmlformats.org/officeDocument/2006/relationships/hyperlink" Target="http://localhost/demo/s1/test.html" TargetMode="External"/><Relationship Id="rId19" Type="http://schemas.openxmlformats.org/officeDocument/2006/relationships/hyperlink" Target="https://dcm.uhcl.edu/yue/courses/joinDB/Fall2025/notes/web/test.py.txt" TargetMode="External"/><Relationship Id="rId31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image" Target="media/image2.jpeg"/><Relationship Id="rId14" Type="http://schemas.openxmlformats.org/officeDocument/2006/relationships/image" Target="media/image3.png"/><Relationship Id="rId22" Type="http://schemas.openxmlformats.org/officeDocument/2006/relationships/image" Target="media/image5.jpeg"/><Relationship Id="rId27" Type="http://schemas.openxmlformats.org/officeDocument/2006/relationships/image" Target="media/image8.jpeg"/><Relationship Id="rId30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665</TotalTime>
  <Pages>1</Pages>
  <Words>3413</Words>
  <Characters>19455</Characters>
  <Application>Microsoft Office Word</Application>
  <DocSecurity>0</DocSecurity>
  <Lines>162</Lines>
  <Paragraphs>4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CT</Company>
  <LinksUpToDate>false</LinksUpToDate>
  <CharactersWithSpaces>2282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teven</dc:creator>
  <cp:keywords/>
  <dc:description/>
  <cp:lastModifiedBy>Steven</cp:lastModifiedBy>
  <cp:revision>60</cp:revision>
  <dcterms:created xsi:type="dcterms:W3CDTF">2025-08-17T03:25:00Z</dcterms:created>
  <dcterms:modified xsi:type="dcterms:W3CDTF">2025-10-29T16:23:00Z</dcterms:modified>
</cp:coreProperties>
</file>